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drawings/drawing1.xml" ContentType="application/vnd.openxmlformats-officedocument.drawing+xml"/>
  <Override PartName="/xl/comments2.xml" ContentType="application/vnd.openxmlformats-officedocument.spreadsheetml.comment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J:\s1\70こども保育課業務\04施設型給付認定\01諸務\01様式（１号、２・３号関係）\R6\令和６年度各種様式\"/>
    </mc:Choice>
  </mc:AlternateContent>
  <bookViews>
    <workbookView xWindow="-120" yWindow="-120" windowWidth="29040" windowHeight="15840"/>
  </bookViews>
  <sheets>
    <sheet name="就労証明書" sheetId="28" r:id="rId1"/>
    <sheet name="記入例" sheetId="29" r:id="rId2"/>
    <sheet name="記載要領" sheetId="30" r:id="rId3"/>
    <sheet name="プルダウンリスト" sheetId="16" r:id="rId4"/>
  </sheets>
  <definedNames>
    <definedName name="_xlnm.Print_Area" localSheetId="3">プルダウンリスト!$A$1:$O$109</definedName>
    <definedName name="_xlnm.Print_Area" localSheetId="1">記入例!$B$1:$AT$84</definedName>
    <definedName name="_xlnm.Print_Area" localSheetId="0">就労証明書!$B$1:$AI$51</definedName>
  </definedNames>
  <calcPr calcId="162913" calcMode="manual"/>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4" i="16" l="1"/>
  <c r="F3" i="16" s="1"/>
  <c r="E2" i="16"/>
  <c r="E3" i="16" s="1"/>
  <c r="E4" i="16" s="1"/>
  <c r="E5" i="16" s="1"/>
  <c r="E6" i="16" s="1"/>
  <c r="E7" i="16" s="1"/>
  <c r="E8" i="16" s="1"/>
  <c r="E9" i="16" s="1"/>
  <c r="E10" i="16" s="1"/>
  <c r="E11" i="16" s="1"/>
  <c r="E12" i="16" s="1"/>
  <c r="E13" i="16" s="1"/>
  <c r="E14" i="16" s="1"/>
  <c r="E15" i="16" s="1"/>
  <c r="E16" i="16" s="1"/>
  <c r="E17" i="16" s="1"/>
  <c r="E18" i="16" s="1"/>
  <c r="E19" i="16" s="1"/>
  <c r="E20" i="16" s="1"/>
  <c r="E21" i="16" s="1"/>
  <c r="E22" i="16" s="1"/>
  <c r="E23" i="16" s="1"/>
  <c r="E24" i="16" s="1"/>
  <c r="E25" i="16" s="1"/>
  <c r="E26" i="16" s="1"/>
  <c r="E27" i="16" s="1"/>
  <c r="E28" i="16" s="1"/>
  <c r="E29" i="16" s="1"/>
  <c r="E30" i="16" s="1"/>
  <c r="E31" i="16" s="1"/>
  <c r="E32" i="16" s="1"/>
  <c r="E33" i="16" s="1"/>
  <c r="E34" i="16" s="1"/>
  <c r="E35" i="16" s="1"/>
  <c r="E36" i="16" s="1"/>
  <c r="E37" i="16" s="1"/>
  <c r="E38" i="16" s="1"/>
  <c r="E39" i="16" s="1"/>
  <c r="E40" i="16" s="1"/>
  <c r="E41" i="16" s="1"/>
  <c r="E42" i="16" s="1"/>
  <c r="E43" i="16" s="1"/>
  <c r="E44" i="16" s="1"/>
  <c r="E45" i="16" s="1"/>
  <c r="E46" i="16" s="1"/>
  <c r="E47" i="16" s="1"/>
  <c r="E48" i="16" s="1"/>
  <c r="E49" i="16" s="1"/>
  <c r="E50" i="16" s="1"/>
  <c r="E51" i="16" s="1"/>
  <c r="E52" i="16" s="1"/>
  <c r="E53" i="16" s="1"/>
  <c r="E54" i="16" s="1"/>
  <c r="E55" i="16" s="1"/>
  <c r="E56" i="16" s="1"/>
  <c r="E57" i="16" s="1"/>
  <c r="E58" i="16" s="1"/>
  <c r="E59" i="16" s="1"/>
  <c r="E60" i="16" s="1"/>
  <c r="E61" i="16" s="1"/>
  <c r="E62" i="16" s="1"/>
  <c r="E63" i="16" s="1"/>
  <c r="E64" i="16" s="1"/>
  <c r="E65" i="16" s="1"/>
  <c r="E66" i="16" s="1"/>
  <c r="E67" i="16" s="1"/>
  <c r="E68" i="16" s="1"/>
  <c r="E69" i="16" s="1"/>
  <c r="E70" i="16" s="1"/>
  <c r="E71" i="16" s="1"/>
  <c r="E72" i="16" s="1"/>
  <c r="E73" i="16" s="1"/>
  <c r="E74" i="16" s="1"/>
  <c r="E75" i="16" s="1"/>
  <c r="E76" i="16" s="1"/>
  <c r="E77" i="16" s="1"/>
  <c r="E78" i="16" s="1"/>
  <c r="E79" i="16" s="1"/>
  <c r="E80" i="16" s="1"/>
  <c r="E81" i="16" s="1"/>
  <c r="E82" i="16" s="1"/>
  <c r="E83" i="16" s="1"/>
  <c r="E84" i="16" s="1"/>
  <c r="E85" i="16" s="1"/>
  <c r="E86" i="16" s="1"/>
  <c r="E87" i="16" s="1"/>
  <c r="E88" i="16" s="1"/>
  <c r="E89" i="16" s="1"/>
  <c r="E90" i="16" s="1"/>
  <c r="E91" i="16" s="1"/>
  <c r="E92" i="16" s="1"/>
  <c r="E93" i="16" s="1"/>
  <c r="E94" i="16" s="1"/>
  <c r="E95" i="16" s="1"/>
  <c r="E96" i="16" s="1"/>
  <c r="E97" i="16" s="1"/>
  <c r="E98" i="16" s="1"/>
  <c r="E99" i="16" s="1"/>
  <c r="E100" i="16" s="1"/>
  <c r="E101" i="16" s="1"/>
  <c r="E102" i="16" s="1"/>
  <c r="E103" i="16" s="1"/>
  <c r="E104" i="16" s="1"/>
  <c r="E105" i="16" s="1"/>
  <c r="E106" i="16" s="1"/>
  <c r="E107" i="16" s="1"/>
  <c r="E108" i="16" s="1"/>
  <c r="D2" i="16"/>
  <c r="D3" i="16" s="1"/>
  <c r="D4" i="16" s="1"/>
  <c r="D5" i="16" s="1"/>
  <c r="D6" i="16" s="1"/>
  <c r="D7" i="16" s="1"/>
  <c r="D8" i="16" s="1"/>
  <c r="D9" i="16" s="1"/>
  <c r="D10" i="16" s="1"/>
  <c r="D11" i="16" s="1"/>
  <c r="D12" i="16" s="1"/>
  <c r="D13" i="16" s="1"/>
  <c r="D14" i="16" s="1"/>
  <c r="D15" i="16" s="1"/>
  <c r="D16" i="16" s="1"/>
  <c r="D17" i="16" s="1"/>
  <c r="D18" i="16" s="1"/>
  <c r="D19" i="16" s="1"/>
  <c r="D20" i="16" s="1"/>
  <c r="C2" i="16"/>
  <c r="C3" i="16" s="1"/>
  <c r="C4" i="16" s="1"/>
  <c r="C5" i="16" s="1"/>
  <c r="C6" i="16" s="1"/>
  <c r="C7" i="16" s="1"/>
  <c r="C8" i="16" s="1"/>
  <c r="C9" i="16" s="1"/>
  <c r="C10" i="16" s="1"/>
  <c r="C11" i="16" s="1"/>
  <c r="C12" i="16" s="1"/>
  <c r="C13" i="16" s="1"/>
  <c r="C14" i="16" s="1"/>
  <c r="C15" i="16" s="1"/>
  <c r="C16" i="16" s="1"/>
  <c r="C17" i="16" s="1"/>
  <c r="C18" i="16" s="1"/>
  <c r="C19" i="16" s="1"/>
  <c r="C20" i="16" s="1"/>
  <c r="C21" i="16" s="1"/>
  <c r="C22" i="16" s="1"/>
  <c r="C23" i="16" s="1"/>
  <c r="C24" i="16" s="1"/>
  <c r="C25" i="16" s="1"/>
  <c r="C26" i="16" s="1"/>
  <c r="C27" i="16" s="1"/>
  <c r="C28" i="16" s="1"/>
  <c r="C29" i="16" s="1"/>
  <c r="C30" i="16" s="1"/>
  <c r="C31" i="16" s="1"/>
  <c r="F5" i="16" l="1"/>
  <c r="F6" i="16" s="1"/>
  <c r="F7" i="16" s="1"/>
  <c r="F8" i="16" s="1"/>
  <c r="F9" i="16" s="1"/>
  <c r="F10" i="16" s="1"/>
  <c r="F11" i="16" s="1"/>
  <c r="F12" i="16" s="1"/>
  <c r="F13" i="16" s="1"/>
  <c r="F14" i="16" s="1"/>
  <c r="F15" i="16" s="1"/>
  <c r="F16" i="16" s="1"/>
  <c r="F17" i="16" s="1"/>
  <c r="F18" i="16" s="1"/>
  <c r="F19" i="16" s="1"/>
  <c r="F20" i="16" s="1"/>
  <c r="F21" i="16" s="1"/>
  <c r="F22" i="16" s="1"/>
  <c r="F23" i="16" s="1"/>
  <c r="F24" i="16" s="1"/>
  <c r="F25" i="16" s="1"/>
  <c r="F26" i="16" s="1"/>
  <c r="F27" i="16" s="1"/>
  <c r="F28" i="16" s="1"/>
  <c r="F29" i="16" s="1"/>
  <c r="F30" i="16" s="1"/>
  <c r="F31" i="16" s="1"/>
  <c r="F32" i="16" s="1"/>
  <c r="F33" i="16" s="1"/>
  <c r="F34" i="16" s="1"/>
  <c r="F35" i="16" s="1"/>
  <c r="F36" i="16" s="1"/>
  <c r="F37" i="16" s="1"/>
  <c r="F38" i="16" s="1"/>
  <c r="F39" i="16" s="1"/>
  <c r="F40" i="16" s="1"/>
  <c r="F41" i="16" s="1"/>
  <c r="F42" i="16" s="1"/>
  <c r="F43" i="16" s="1"/>
  <c r="F44" i="16" s="1"/>
  <c r="F45" i="16" s="1"/>
  <c r="F46" i="16" s="1"/>
  <c r="F47" i="16" s="1"/>
  <c r="F48" i="16" s="1"/>
  <c r="F49" i="16" s="1"/>
  <c r="F50" i="16" s="1"/>
  <c r="F51" i="16" s="1"/>
  <c r="F52" i="16" s="1"/>
  <c r="F53" i="16" s="1"/>
  <c r="F54" i="16" s="1"/>
  <c r="F55" i="16" s="1"/>
  <c r="F2" i="16"/>
</calcChain>
</file>

<file path=xl/comments1.xml><?xml version="1.0" encoding="utf-8"?>
<comments xmlns="http://schemas.openxmlformats.org/spreadsheetml/2006/main">
  <authors>
    <author>川原　聖陽</author>
  </authors>
  <commentList>
    <comment ref="I38" authorId="0" shapeId="0">
      <text>
        <r>
          <rPr>
            <b/>
            <sz val="14"/>
            <color indexed="10"/>
            <rFont val="MS P ゴシック"/>
            <family val="3"/>
            <charset val="128"/>
          </rPr>
          <t>入所が内定した場合の育児休業の短縮の可否について
下記の追加的記載項目欄にチェック☑をしてください。</t>
        </r>
      </text>
    </comment>
    <comment ref="L38" authorId="0" shapeId="0">
      <text>
        <r>
          <rPr>
            <b/>
            <sz val="14"/>
            <color indexed="10"/>
            <rFont val="MS P ゴシック"/>
            <family val="3"/>
            <charset val="128"/>
          </rPr>
          <t>入所が内定した場合の育児休業の短縮の可否について
下記の追加的記載項目欄にチェック☑をしてください。</t>
        </r>
      </text>
    </comment>
    <comment ref="I43" authorId="0" shapeId="0">
      <text>
        <r>
          <rPr>
            <b/>
            <sz val="24"/>
            <color indexed="10"/>
            <rFont val="MS P ゴシック"/>
            <family val="3"/>
            <charset val="128"/>
          </rPr>
          <t>「取得予定」の場合
は下記の追加的記載項目欄も記入してください。</t>
        </r>
        <r>
          <rPr>
            <sz val="24"/>
            <color indexed="81"/>
            <rFont val="MS P ゴシック"/>
            <family val="3"/>
            <charset val="128"/>
          </rPr>
          <t xml:space="preserve">
</t>
        </r>
      </text>
    </comment>
    <comment ref="L43" authorId="0" shapeId="0">
      <text>
        <r>
          <rPr>
            <b/>
            <sz val="24"/>
            <color indexed="10"/>
            <rFont val="MS P ゴシック"/>
            <family val="3"/>
            <charset val="128"/>
          </rPr>
          <t>「取得中」の場合は下記の追加的記載項目欄もご記入ください。</t>
        </r>
      </text>
    </comment>
  </commentList>
</comments>
</file>

<file path=xl/comments2.xml><?xml version="1.0" encoding="utf-8"?>
<comments xmlns="http://schemas.openxmlformats.org/spreadsheetml/2006/main">
  <authors>
    <author>川原　聖陽</author>
  </authors>
  <commentList>
    <comment ref="L53" authorId="0" shapeId="0">
      <text>
        <r>
          <rPr>
            <b/>
            <sz val="14"/>
            <color indexed="10"/>
            <rFont val="MS P ゴシック"/>
            <family val="3"/>
            <charset val="128"/>
          </rPr>
          <t>入所が内定した場合の育児休業の短縮の可否について
下記の追加的記載項目欄にチェック☑をしてください。</t>
        </r>
      </text>
    </comment>
    <comment ref="O53" authorId="0" shapeId="0">
      <text>
        <r>
          <rPr>
            <b/>
            <sz val="14"/>
            <color indexed="10"/>
            <rFont val="MS P ゴシック"/>
            <family val="3"/>
            <charset val="128"/>
          </rPr>
          <t>入所が内定した場合の育児休業の短縮の可否について
下記の追加的記載項目欄にチェック☑をしてください。</t>
        </r>
      </text>
    </comment>
    <comment ref="L58" authorId="0" shapeId="0">
      <text>
        <r>
          <rPr>
            <b/>
            <sz val="24"/>
            <color indexed="10"/>
            <rFont val="MS P ゴシック"/>
            <family val="3"/>
            <charset val="128"/>
          </rPr>
          <t>「取得予定」の場合
は下記の追加的記載項目欄も記入してください。</t>
        </r>
        <r>
          <rPr>
            <sz val="24"/>
            <color indexed="81"/>
            <rFont val="MS P ゴシック"/>
            <family val="3"/>
            <charset val="128"/>
          </rPr>
          <t xml:space="preserve">
</t>
        </r>
      </text>
    </comment>
    <comment ref="O58" authorId="0" shapeId="0">
      <text>
        <r>
          <rPr>
            <b/>
            <sz val="24"/>
            <color indexed="10"/>
            <rFont val="MS P ゴシック"/>
            <family val="3"/>
            <charset val="128"/>
          </rPr>
          <t>「取得中」の場合は下記の追加的記載項目欄もご記入ください。</t>
        </r>
      </text>
    </comment>
  </commentList>
</comments>
</file>

<file path=xl/sharedStrings.xml><?xml version="1.0" encoding="utf-8"?>
<sst xmlns="http://schemas.openxmlformats.org/spreadsheetml/2006/main" count="706" uniqueCount="267">
  <si>
    <t>就労証明書</t>
    <phoneticPr fontId="2"/>
  </si>
  <si>
    <t>宛</t>
    <rPh sb="0" eb="1">
      <t>アテ</t>
    </rPh>
    <phoneticPr fontId="2"/>
  </si>
  <si>
    <t>証明日</t>
    <rPh sb="0" eb="2">
      <t>ショウメイ</t>
    </rPh>
    <rPh sb="2" eb="3">
      <t>ビ</t>
    </rPh>
    <phoneticPr fontId="2"/>
  </si>
  <si>
    <t>西暦</t>
    <rPh sb="0" eb="2">
      <t>セイレキ</t>
    </rPh>
    <phoneticPr fontId="2"/>
  </si>
  <si>
    <t>年</t>
    <rPh sb="0" eb="1">
      <t>ネン</t>
    </rPh>
    <phoneticPr fontId="2"/>
  </si>
  <si>
    <t>月</t>
    <rPh sb="0" eb="1">
      <t>ガツ</t>
    </rPh>
    <phoneticPr fontId="2"/>
  </si>
  <si>
    <t>日</t>
    <rPh sb="0" eb="1">
      <t>ニチ</t>
    </rPh>
    <phoneticPr fontId="2"/>
  </si>
  <si>
    <t>事業所名</t>
    <rPh sb="0" eb="3">
      <t>ジギョウショ</t>
    </rPh>
    <rPh sb="3" eb="4">
      <t>メイ</t>
    </rPh>
    <phoneticPr fontId="2"/>
  </si>
  <si>
    <t>代表者名</t>
    <rPh sb="0" eb="3">
      <t>ダイヒョウシャ</t>
    </rPh>
    <rPh sb="3" eb="4">
      <t>メイ</t>
    </rPh>
    <phoneticPr fontId="2"/>
  </si>
  <si>
    <t>所在地</t>
    <rPh sb="0" eb="3">
      <t>ショザイチ</t>
    </rPh>
    <phoneticPr fontId="2"/>
  </si>
  <si>
    <t>電話番号</t>
    <rPh sb="0" eb="2">
      <t>デンワ</t>
    </rPh>
    <rPh sb="2" eb="4">
      <t>バンゴウ</t>
    </rPh>
    <phoneticPr fontId="2"/>
  </si>
  <si>
    <t>―</t>
    <phoneticPr fontId="2"/>
  </si>
  <si>
    <t>担当者名</t>
    <rPh sb="0" eb="3">
      <t>タントウシャ</t>
    </rPh>
    <rPh sb="3" eb="4">
      <t>メイ</t>
    </rPh>
    <phoneticPr fontId="2"/>
  </si>
  <si>
    <t>記載者連絡先</t>
    <rPh sb="0" eb="2">
      <t>キサイ</t>
    </rPh>
    <rPh sb="2" eb="3">
      <t>シャ</t>
    </rPh>
    <rPh sb="3" eb="6">
      <t>レンラクサキ</t>
    </rPh>
    <phoneticPr fontId="2"/>
  </si>
  <si>
    <t>下記の内容について、事実であることを証明いたします。</t>
    <rPh sb="0" eb="2">
      <t>カキ</t>
    </rPh>
    <rPh sb="3" eb="5">
      <t>ナイヨウ</t>
    </rPh>
    <rPh sb="10" eb="12">
      <t>ジジツ</t>
    </rPh>
    <rPh sb="18" eb="20">
      <t>ショウメイ</t>
    </rPh>
    <phoneticPr fontId="2"/>
  </si>
  <si>
    <t>※本証明書の内容について、就労先事業者等に無断で作成し又は改変を行ったときには、刑法上の罪に問われる場合があります。</t>
    <phoneticPr fontId="2"/>
  </si>
  <si>
    <t>No.</t>
    <phoneticPr fontId="2"/>
  </si>
  <si>
    <t>項目</t>
    <rPh sb="0" eb="2">
      <t>コウモク</t>
    </rPh>
    <phoneticPr fontId="2"/>
  </si>
  <si>
    <t>記載欄</t>
    <rPh sb="0" eb="2">
      <t>キサイ</t>
    </rPh>
    <rPh sb="2" eb="3">
      <t>ラン</t>
    </rPh>
    <phoneticPr fontId="2"/>
  </si>
  <si>
    <t>業種</t>
    <rPh sb="0" eb="2">
      <t>ギョウシュ</t>
    </rPh>
    <phoneticPr fontId="2"/>
  </si>
  <si>
    <t>）</t>
    <phoneticPr fontId="2"/>
  </si>
  <si>
    <t>フリガナ</t>
    <phoneticPr fontId="2"/>
  </si>
  <si>
    <t>本人氏名</t>
    <rPh sb="0" eb="2">
      <t>ホンニン</t>
    </rPh>
    <rPh sb="2" eb="4">
      <t>シメイ</t>
    </rPh>
    <phoneticPr fontId="2"/>
  </si>
  <si>
    <t>生年
月日</t>
    <phoneticPr fontId="2"/>
  </si>
  <si>
    <t>年</t>
    <phoneticPr fontId="2"/>
  </si>
  <si>
    <t>日</t>
    <phoneticPr fontId="2"/>
  </si>
  <si>
    <t>雇用(予定)期間等</t>
    <rPh sb="0" eb="2">
      <t>コヨウ</t>
    </rPh>
    <rPh sb="3" eb="5">
      <t>ヨテイ</t>
    </rPh>
    <rPh sb="6" eb="8">
      <t>キカン</t>
    </rPh>
    <rPh sb="8" eb="9">
      <t>トウ</t>
    </rPh>
    <phoneticPr fontId="2"/>
  </si>
  <si>
    <r>
      <t xml:space="preserve">期間 
</t>
    </r>
    <r>
      <rPr>
        <sz val="10"/>
        <color theme="1"/>
        <rFont val="ＭＳ Ｐゴシック"/>
        <family val="3"/>
        <charset val="128"/>
      </rPr>
      <t xml:space="preserve"> （無期の場合は雇用開始日のみ）</t>
    </r>
    <rPh sb="0" eb="2">
      <t>キカン</t>
    </rPh>
    <rPh sb="6" eb="8">
      <t>ムキ</t>
    </rPh>
    <rPh sb="9" eb="11">
      <t>バアイ</t>
    </rPh>
    <rPh sb="12" eb="14">
      <t>コヨウ</t>
    </rPh>
    <rPh sb="14" eb="16">
      <t>カイシ</t>
    </rPh>
    <rPh sb="16" eb="17">
      <t>ビ</t>
    </rPh>
    <phoneticPr fontId="2"/>
  </si>
  <si>
    <t>～</t>
    <phoneticPr fontId="2"/>
  </si>
  <si>
    <t>本人就労先事業所</t>
    <rPh sb="0" eb="2">
      <t>ホンニン</t>
    </rPh>
    <phoneticPr fontId="2"/>
  </si>
  <si>
    <t>名称</t>
    <rPh sb="0" eb="2">
      <t>メイショウ</t>
    </rPh>
    <phoneticPr fontId="2"/>
  </si>
  <si>
    <t>住所</t>
    <rPh sb="0" eb="2">
      <t>ジュウショ</t>
    </rPh>
    <phoneticPr fontId="2"/>
  </si>
  <si>
    <t>雇用の形態</t>
    <rPh sb="0" eb="2">
      <t>コヨウ</t>
    </rPh>
    <rPh sb="3" eb="5">
      <t>ケイタイ</t>
    </rPh>
    <phoneticPr fontId="2"/>
  </si>
  <si>
    <t>)</t>
    <phoneticPr fontId="2"/>
  </si>
  <si>
    <r>
      <t xml:space="preserve">就労時間
</t>
    </r>
    <r>
      <rPr>
        <sz val="12"/>
        <color theme="1"/>
        <rFont val="ＭＳ Ｐゴシック"/>
        <family val="3"/>
        <charset val="128"/>
      </rPr>
      <t>(固定就労の場合)</t>
    </r>
    <rPh sb="0" eb="2">
      <t>シュウロウ</t>
    </rPh>
    <rPh sb="2" eb="4">
      <t>ジカン</t>
    </rPh>
    <rPh sb="6" eb="8">
      <t>コテイ</t>
    </rPh>
    <rPh sb="8" eb="10">
      <t>シュウロウ</t>
    </rPh>
    <rPh sb="11" eb="13">
      <t>バアイ</t>
    </rPh>
    <phoneticPr fontId="2"/>
  </si>
  <si>
    <t>合計
時間</t>
    <phoneticPr fontId="2"/>
  </si>
  <si>
    <t>月間</t>
    <rPh sb="0" eb="2">
      <t>ゲッカン</t>
    </rPh>
    <phoneticPr fontId="2"/>
  </si>
  <si>
    <t>時間</t>
    <rPh sb="0" eb="2">
      <t>ジカン</t>
    </rPh>
    <phoneticPr fontId="2"/>
  </si>
  <si>
    <t>分</t>
    <rPh sb="0" eb="1">
      <t>フン</t>
    </rPh>
    <phoneticPr fontId="2"/>
  </si>
  <si>
    <r>
      <t>（</t>
    </r>
    <r>
      <rPr>
        <sz val="12"/>
        <color rgb="FF000000"/>
        <rFont val="ＭＳ Ｐゴシック"/>
        <family val="3"/>
        <charset val="128"/>
      </rPr>
      <t>うち休憩時間</t>
    </r>
    <rPh sb="3" eb="5">
      <t>キュウケイ</t>
    </rPh>
    <rPh sb="5" eb="7">
      <t>ジカン</t>
    </rPh>
    <phoneticPr fontId="2"/>
  </si>
  <si>
    <t>分）</t>
    <rPh sb="0" eb="1">
      <t>フン</t>
    </rPh>
    <phoneticPr fontId="2"/>
  </si>
  <si>
    <t>一月当たりの就労日数</t>
    <rPh sb="0" eb="2">
      <t>ヒトツキ</t>
    </rPh>
    <rPh sb="2" eb="3">
      <t>ア</t>
    </rPh>
    <rPh sb="6" eb="8">
      <t>シュウロウ</t>
    </rPh>
    <rPh sb="8" eb="10">
      <t>ニッスウ</t>
    </rPh>
    <phoneticPr fontId="2"/>
  </si>
  <si>
    <t>一週当たりの就労日数</t>
    <rPh sb="0" eb="2">
      <t>イッシュウ</t>
    </rPh>
    <rPh sb="2" eb="3">
      <t>ア</t>
    </rPh>
    <rPh sb="6" eb="8">
      <t>シュウロウ</t>
    </rPh>
    <rPh sb="8" eb="10">
      <t>ニッスウ</t>
    </rPh>
    <phoneticPr fontId="2"/>
  </si>
  <si>
    <t>週間</t>
    <rPh sb="0" eb="2">
      <t>シュウカン</t>
    </rPh>
    <phoneticPr fontId="2"/>
  </si>
  <si>
    <t>平日</t>
    <rPh sb="0" eb="2">
      <t>ヘイジツ</t>
    </rPh>
    <phoneticPr fontId="2"/>
  </si>
  <si>
    <t>時</t>
    <rPh sb="0" eb="1">
      <t>ジ</t>
    </rPh>
    <phoneticPr fontId="2"/>
  </si>
  <si>
    <t>土曜</t>
    <rPh sb="0" eb="2">
      <t>ドヨウ</t>
    </rPh>
    <phoneticPr fontId="2"/>
  </si>
  <si>
    <r>
      <t>（</t>
    </r>
    <r>
      <rPr>
        <sz val="12"/>
        <rFont val="ＭＳ Ｐゴシック"/>
        <family val="3"/>
        <charset val="128"/>
      </rPr>
      <t>うち休憩時間</t>
    </r>
    <rPh sb="3" eb="5">
      <t>キュウケイ</t>
    </rPh>
    <rPh sb="5" eb="7">
      <t>ジカン</t>
    </rPh>
    <phoneticPr fontId="2"/>
  </si>
  <si>
    <t>日祝</t>
    <rPh sb="0" eb="1">
      <t>ニチ</t>
    </rPh>
    <rPh sb="1" eb="2">
      <t>シュク</t>
    </rPh>
    <phoneticPr fontId="2"/>
  </si>
  <si>
    <r>
      <t xml:space="preserve">就労時間
</t>
    </r>
    <r>
      <rPr>
        <sz val="12"/>
        <rFont val="ＭＳ Ｐゴシック"/>
        <family val="3"/>
        <charset val="128"/>
      </rPr>
      <t>(変則就労の場合)</t>
    </r>
    <phoneticPr fontId="2"/>
  </si>
  <si>
    <t>合計時間</t>
    <rPh sb="0" eb="2">
      <t>ゴウケイ</t>
    </rPh>
    <rPh sb="2" eb="4">
      <t>ジカン</t>
    </rPh>
    <phoneticPr fontId="2"/>
  </si>
  <si>
    <r>
      <t>（</t>
    </r>
    <r>
      <rPr>
        <sz val="12"/>
        <color theme="1"/>
        <rFont val="ＭＳ Ｐゴシック"/>
        <family val="3"/>
        <charset val="128"/>
      </rPr>
      <t>うち休憩時間</t>
    </r>
    <rPh sb="3" eb="5">
      <t>キュウケイ</t>
    </rPh>
    <rPh sb="5" eb="7">
      <t>ジカン</t>
    </rPh>
    <phoneticPr fontId="2"/>
  </si>
  <si>
    <t>就労日数</t>
    <phoneticPr fontId="2"/>
  </si>
  <si>
    <t>主な就労時間帯
・シフト時間帯</t>
    <rPh sb="0" eb="1">
      <t>オモ</t>
    </rPh>
    <rPh sb="2" eb="4">
      <t>シュウロウ</t>
    </rPh>
    <rPh sb="4" eb="6">
      <t>ジカン</t>
    </rPh>
    <rPh sb="6" eb="7">
      <t>タイ</t>
    </rPh>
    <rPh sb="12" eb="14">
      <t>ジカン</t>
    </rPh>
    <rPh sb="14" eb="15">
      <t>タイ</t>
    </rPh>
    <phoneticPr fontId="2"/>
  </si>
  <si>
    <t>時</t>
    <rPh sb="0" eb="1">
      <t>トキ</t>
    </rPh>
    <phoneticPr fontId="2"/>
  </si>
  <si>
    <r>
      <t xml:space="preserve">就労実績
</t>
    </r>
    <r>
      <rPr>
        <sz val="9"/>
        <color theme="1"/>
        <rFont val="ＭＳ Ｐゴシック"/>
        <family val="3"/>
        <charset val="128"/>
      </rPr>
      <t>※日数に有給休暇を含み、
時間数に休憩・残業時間を含む</t>
    </r>
    <rPh sb="0" eb="2">
      <t>シュウロウ</t>
    </rPh>
    <rPh sb="2" eb="4">
      <t>ジッセキ</t>
    </rPh>
    <rPh sb="6" eb="8">
      <t>ニッスウ</t>
    </rPh>
    <rPh sb="14" eb="15">
      <t>フク</t>
    </rPh>
    <rPh sb="18" eb="21">
      <t>ジカンスウ</t>
    </rPh>
    <rPh sb="22" eb="24">
      <t>キュウケイ</t>
    </rPh>
    <rPh sb="25" eb="27">
      <t>ザンギョウ</t>
    </rPh>
    <rPh sb="27" eb="29">
      <t>ジカン</t>
    </rPh>
    <phoneticPr fontId="2"/>
  </si>
  <si>
    <t>年月</t>
    <rPh sb="0" eb="2">
      <t>ネンゲツ</t>
    </rPh>
    <phoneticPr fontId="2"/>
  </si>
  <si>
    <t>日／月</t>
    <phoneticPr fontId="2"/>
  </si>
  <si>
    <t>時間／月</t>
    <rPh sb="0" eb="2">
      <t>ジカン</t>
    </rPh>
    <phoneticPr fontId="2"/>
  </si>
  <si>
    <r>
      <t xml:space="preserve">産前･産後休業の取得
</t>
    </r>
    <r>
      <rPr>
        <sz val="11"/>
        <color theme="1"/>
        <rFont val="ＭＳ Ｐゴシック"/>
        <family val="3"/>
        <charset val="128"/>
      </rPr>
      <t>※取得予定を含む</t>
    </r>
    <rPh sb="0" eb="2">
      <t>サンゼン</t>
    </rPh>
    <rPh sb="3" eb="5">
      <t>サンゴ</t>
    </rPh>
    <rPh sb="5" eb="7">
      <t>キュウギョウ</t>
    </rPh>
    <rPh sb="12" eb="14">
      <t>シュトク</t>
    </rPh>
    <rPh sb="14" eb="16">
      <t>ヨテイ</t>
    </rPh>
    <rPh sb="17" eb="18">
      <t>フク</t>
    </rPh>
    <phoneticPr fontId="2"/>
  </si>
  <si>
    <t>期間</t>
    <rPh sb="0" eb="2">
      <t>キカン</t>
    </rPh>
    <phoneticPr fontId="2"/>
  </si>
  <si>
    <t>～</t>
  </si>
  <si>
    <r>
      <t xml:space="preserve">育児休業の取得
</t>
    </r>
    <r>
      <rPr>
        <sz val="11"/>
        <color theme="1"/>
        <rFont val="ＭＳ Ｐゴシック"/>
        <family val="3"/>
        <charset val="128"/>
      </rPr>
      <t>※取得予定を含む</t>
    </r>
    <rPh sb="0" eb="2">
      <t>イクジ</t>
    </rPh>
    <rPh sb="2" eb="4">
      <t>キュウギョウ</t>
    </rPh>
    <rPh sb="5" eb="7">
      <t>シュトク</t>
    </rPh>
    <rPh sb="9" eb="11">
      <t>シュトク</t>
    </rPh>
    <rPh sb="11" eb="13">
      <t>ヨテイ</t>
    </rPh>
    <rPh sb="14" eb="15">
      <t>フク</t>
    </rPh>
    <phoneticPr fontId="2"/>
  </si>
  <si>
    <t>理由</t>
    <rPh sb="0" eb="2">
      <t>リユウ</t>
    </rPh>
    <phoneticPr fontId="2"/>
  </si>
  <si>
    <t>復職（予定）年月日</t>
    <rPh sb="0" eb="2">
      <t>フクショク</t>
    </rPh>
    <rPh sb="3" eb="5">
      <t>ヨテイ</t>
    </rPh>
    <rPh sb="6" eb="9">
      <t>ネンガッピ</t>
    </rPh>
    <phoneticPr fontId="2"/>
  </si>
  <si>
    <r>
      <t xml:space="preserve">育児のための短時間
勤務制度利用有無
</t>
    </r>
    <r>
      <rPr>
        <sz val="11"/>
        <color theme="1"/>
        <rFont val="ＭＳ Ｐゴシック"/>
        <family val="3"/>
        <charset val="128"/>
      </rPr>
      <t>※取得予定を含む</t>
    </r>
    <rPh sb="0" eb="2">
      <t>イクジ</t>
    </rPh>
    <rPh sb="6" eb="7">
      <t>タン</t>
    </rPh>
    <rPh sb="7" eb="9">
      <t>ジカン</t>
    </rPh>
    <rPh sb="10" eb="12">
      <t>キンム</t>
    </rPh>
    <rPh sb="12" eb="14">
      <t>セイド</t>
    </rPh>
    <rPh sb="14" eb="16">
      <t>リヨウ</t>
    </rPh>
    <rPh sb="16" eb="18">
      <t>ウム</t>
    </rPh>
    <rPh sb="20" eb="22">
      <t>シュトク</t>
    </rPh>
    <rPh sb="22" eb="24">
      <t>ヨテイ</t>
    </rPh>
    <rPh sb="25" eb="26">
      <t>フク</t>
    </rPh>
    <phoneticPr fontId="2"/>
  </si>
  <si>
    <t>保育士等としての勤務実態の有無</t>
    <phoneticPr fontId="2"/>
  </si>
  <si>
    <t>備考欄</t>
    <rPh sb="0" eb="2">
      <t>ビコウ</t>
    </rPh>
    <rPh sb="2" eb="3">
      <t>ラン</t>
    </rPh>
    <phoneticPr fontId="2"/>
  </si>
  <si>
    <t>追加的記載項目欄</t>
    <rPh sb="0" eb="2">
      <t>ツイカ</t>
    </rPh>
    <rPh sb="2" eb="3">
      <t>テキ</t>
    </rPh>
    <rPh sb="3" eb="5">
      <t>キサイ</t>
    </rPh>
    <rPh sb="5" eb="7">
      <t>コウモク</t>
    </rPh>
    <rPh sb="7" eb="8">
      <t>ラン</t>
    </rPh>
    <phoneticPr fontId="2"/>
  </si>
  <si>
    <t>市区町村名</t>
    <rPh sb="0" eb="4">
      <t>シクチョウソン</t>
    </rPh>
    <rPh sb="4" eb="5">
      <t>メイ</t>
    </rPh>
    <phoneticPr fontId="2"/>
  </si>
  <si>
    <t>施設名</t>
    <rPh sb="0" eb="3">
      <t>シセツメイ</t>
    </rPh>
    <phoneticPr fontId="2"/>
  </si>
  <si>
    <t>児童生年</t>
    <rPh sb="0" eb="2">
      <t>ジドウ</t>
    </rPh>
    <rPh sb="2" eb="4">
      <t>セイネン</t>
    </rPh>
    <phoneticPr fontId="2"/>
  </si>
  <si>
    <t>生年・実績</t>
    <rPh sb="0" eb="2">
      <t>セイネン</t>
    </rPh>
    <rPh sb="3" eb="5">
      <t>ジッセキ</t>
    </rPh>
    <phoneticPr fontId="2"/>
  </si>
  <si>
    <t>予定・実績</t>
    <rPh sb="0" eb="2">
      <t>ヨテイ</t>
    </rPh>
    <rPh sb="3" eb="5">
      <t>ジッセキ</t>
    </rPh>
    <phoneticPr fontId="2"/>
  </si>
  <si>
    <t>月</t>
    <rPh sb="0" eb="1">
      <t>ツキ</t>
    </rPh>
    <phoneticPr fontId="2"/>
  </si>
  <si>
    <t>日</t>
    <rPh sb="0" eb="1">
      <t>ヒ</t>
    </rPh>
    <phoneticPr fontId="2"/>
  </si>
  <si>
    <t>休憩時間</t>
    <rPh sb="0" eb="2">
      <t>キュウケイ</t>
    </rPh>
    <rPh sb="2" eb="4">
      <t>ジカン</t>
    </rPh>
    <phoneticPr fontId="2"/>
  </si>
  <si>
    <t>戻</t>
    <rPh sb="0" eb="1">
      <t>モド</t>
    </rPh>
    <phoneticPr fontId="2"/>
  </si>
  <si>
    <t>■証明書を発行する事業者又は民生・児童委員に関する項目</t>
    <rPh sb="12" eb="13">
      <t>マタ</t>
    </rPh>
    <rPh sb="14" eb="16">
      <t>ミンセイ</t>
    </rPh>
    <rPh sb="17" eb="19">
      <t>ジドウ</t>
    </rPh>
    <rPh sb="19" eb="21">
      <t>イイン</t>
    </rPh>
    <rPh sb="25" eb="27">
      <t>コウモク</t>
    </rPh>
    <phoneticPr fontId="2"/>
  </si>
  <si>
    <t>○証明日（証明書発行日）を記載してください。
　※年の欄は西暦で記載してください。</t>
    <rPh sb="29" eb="31">
      <t>セイレキ</t>
    </rPh>
    <phoneticPr fontId="2"/>
  </si>
  <si>
    <t>事業所名</t>
    <phoneticPr fontId="2"/>
  </si>
  <si>
    <t>○証明書発行事業所の電話番号を記載してください。</t>
    <rPh sb="10" eb="14">
      <t>デンワバンゴウ</t>
    </rPh>
    <phoneticPr fontId="2"/>
  </si>
  <si>
    <t>担当者名／記載者連絡先</t>
    <rPh sb="0" eb="3">
      <t>タントウシャ</t>
    </rPh>
    <rPh sb="3" eb="4">
      <t>メイ</t>
    </rPh>
    <rPh sb="5" eb="8">
      <t>キサイシャ</t>
    </rPh>
    <rPh sb="8" eb="11">
      <t>レンラクサキ</t>
    </rPh>
    <phoneticPr fontId="2"/>
  </si>
  <si>
    <t>○証明書の内容について、自治体からの事務的な連絡を受ける場合の担当者名/電話番号を記載してください。</t>
    <rPh sb="28" eb="30">
      <t>バアイ</t>
    </rPh>
    <rPh sb="31" eb="34">
      <t>タントウシャ</t>
    </rPh>
    <rPh sb="34" eb="35">
      <t>メイ</t>
    </rPh>
    <phoneticPr fontId="2"/>
  </si>
  <si>
    <t>■就労先事業者に関する事項</t>
    <rPh sb="1" eb="3">
      <t>シュウロウ</t>
    </rPh>
    <rPh sb="3" eb="4">
      <t>サキ</t>
    </rPh>
    <rPh sb="4" eb="7">
      <t>ジギョウシャ</t>
    </rPh>
    <rPh sb="8" eb="9">
      <t>カン</t>
    </rPh>
    <rPh sb="11" eb="13">
      <t>ジコウ</t>
    </rPh>
    <phoneticPr fontId="2"/>
  </si>
  <si>
    <t>■就労者に関する項目</t>
    <rPh sb="1" eb="4">
      <t>シュウロウシャ</t>
    </rPh>
    <rPh sb="8" eb="10">
      <t>コウモク</t>
    </rPh>
    <phoneticPr fontId="2"/>
  </si>
  <si>
    <t>フリガナ／本人氏名</t>
    <rPh sb="5" eb="7">
      <t>ホンニン</t>
    </rPh>
    <phoneticPr fontId="2"/>
  </si>
  <si>
    <t>○本人の氏名、フリガナを記載してください。</t>
    <rPh sb="1" eb="3">
      <t>ホンニン</t>
    </rPh>
    <phoneticPr fontId="2"/>
  </si>
  <si>
    <t>生年月日</t>
    <rPh sb="0" eb="2">
      <t>セイネン</t>
    </rPh>
    <rPh sb="2" eb="4">
      <t>ガッピ</t>
    </rPh>
    <phoneticPr fontId="2"/>
  </si>
  <si>
    <t>■就労状態等に関する事項</t>
    <rPh sb="1" eb="3">
      <t>シュウロウ</t>
    </rPh>
    <rPh sb="3" eb="5">
      <t>ジョウタイ</t>
    </rPh>
    <rPh sb="5" eb="6">
      <t>トウ</t>
    </rPh>
    <rPh sb="7" eb="8">
      <t>カン</t>
    </rPh>
    <rPh sb="10" eb="12">
      <t>ジコウ</t>
    </rPh>
    <phoneticPr fontId="2"/>
  </si>
  <si>
    <t>就労実績
※日数に有給休暇を含み
時間数に休憩・残業時間を含む</t>
    <rPh sb="6" eb="8">
      <t>ニッスウ</t>
    </rPh>
    <rPh sb="9" eb="11">
      <t>ユウキュウ</t>
    </rPh>
    <rPh sb="11" eb="13">
      <t>キュウカ</t>
    </rPh>
    <rPh sb="14" eb="15">
      <t>フク</t>
    </rPh>
    <rPh sb="17" eb="20">
      <t>ジカンスウ</t>
    </rPh>
    <rPh sb="21" eb="23">
      <t>キュウケイ</t>
    </rPh>
    <rPh sb="24" eb="26">
      <t>ザンギョウ</t>
    </rPh>
    <rPh sb="26" eb="28">
      <t>ジカン</t>
    </rPh>
    <rPh sb="29" eb="30">
      <t>フク</t>
    </rPh>
    <phoneticPr fontId="2"/>
  </si>
  <si>
    <t>産前・産後休業の取得
※取得予定を含む</t>
    <rPh sb="12" eb="14">
      <t>シュトク</t>
    </rPh>
    <rPh sb="14" eb="16">
      <t>ヨテイ</t>
    </rPh>
    <rPh sb="17" eb="18">
      <t>フク</t>
    </rPh>
    <phoneticPr fontId="2"/>
  </si>
  <si>
    <t>育児休業の取得
※取得予定を含む</t>
    <rPh sb="0" eb="2">
      <t>イクジ</t>
    </rPh>
    <rPh sb="2" eb="4">
      <t>キュウギョウ</t>
    </rPh>
    <rPh sb="5" eb="7">
      <t>シュトク</t>
    </rPh>
    <rPh sb="9" eb="11">
      <t>シュトク</t>
    </rPh>
    <rPh sb="11" eb="13">
      <t>ヨテイ</t>
    </rPh>
    <rPh sb="14" eb="15">
      <t>フク</t>
    </rPh>
    <phoneticPr fontId="2"/>
  </si>
  <si>
    <t>産休・育休以外の休業の取得期間
※取得予定を含む</t>
    <rPh sb="0" eb="2">
      <t>サンキュウ</t>
    </rPh>
    <rPh sb="3" eb="5">
      <t>イクキュウ</t>
    </rPh>
    <rPh sb="5" eb="7">
      <t>イガイ</t>
    </rPh>
    <rPh sb="8" eb="10">
      <t>キュウギョウ</t>
    </rPh>
    <rPh sb="11" eb="15">
      <t>シュトクキカン</t>
    </rPh>
    <rPh sb="17" eb="19">
      <t>シュトク</t>
    </rPh>
    <rPh sb="19" eb="21">
      <t>ヨテイ</t>
    </rPh>
    <rPh sb="22" eb="23">
      <t>フク</t>
    </rPh>
    <phoneticPr fontId="2"/>
  </si>
  <si>
    <t>No.12</t>
    <phoneticPr fontId="2"/>
  </si>
  <si>
    <t>育児のための短時間勤務制度利用有無
※取得予定を含む</t>
    <rPh sb="0" eb="2">
      <t>イクジ</t>
    </rPh>
    <rPh sb="6" eb="9">
      <t>タンジカン</t>
    </rPh>
    <rPh sb="9" eb="11">
      <t>キンム</t>
    </rPh>
    <rPh sb="11" eb="13">
      <t>セイド</t>
    </rPh>
    <rPh sb="13" eb="15">
      <t>リヨウ</t>
    </rPh>
    <rPh sb="15" eb="17">
      <t>ウム</t>
    </rPh>
    <rPh sb="19" eb="21">
      <t>シュトク</t>
    </rPh>
    <rPh sb="21" eb="23">
      <t>ヨテイ</t>
    </rPh>
    <rPh sb="24" eb="25">
      <t>フク</t>
    </rPh>
    <phoneticPr fontId="2"/>
  </si>
  <si>
    <t>■その他の項目</t>
    <rPh sb="3" eb="4">
      <t>タ</t>
    </rPh>
    <rPh sb="5" eb="7">
      <t>コウモク</t>
    </rPh>
    <phoneticPr fontId="2"/>
  </si>
  <si>
    <t>保育士としての勤務実態の有無</t>
    <rPh sb="0" eb="3">
      <t>ホイクシ</t>
    </rPh>
    <rPh sb="7" eb="9">
      <t>キンム</t>
    </rPh>
    <rPh sb="9" eb="11">
      <t>ジッタイ</t>
    </rPh>
    <rPh sb="12" eb="14">
      <t>ウム</t>
    </rPh>
    <phoneticPr fontId="2"/>
  </si>
  <si>
    <t>No.14</t>
    <phoneticPr fontId="2"/>
  </si>
  <si>
    <t>■追加的記載項目欄</t>
    <rPh sb="1" eb="4">
      <t>ツイカテキ</t>
    </rPh>
    <rPh sb="4" eb="8">
      <t>キサイコウモク</t>
    </rPh>
    <rPh sb="8" eb="9">
      <t>ラン</t>
    </rPh>
    <phoneticPr fontId="2"/>
  </si>
  <si>
    <t>月</t>
    <rPh sb="0" eb="1">
      <t>ゲツ</t>
    </rPh>
    <phoneticPr fontId="2"/>
  </si>
  <si>
    <t>火</t>
    <rPh sb="0" eb="1">
      <t>カ</t>
    </rPh>
    <phoneticPr fontId="2"/>
  </si>
  <si>
    <t>農業・林業</t>
  </si>
  <si>
    <t>漁業</t>
  </si>
  <si>
    <t>鉱業・採石業・砂利採取業</t>
  </si>
  <si>
    <t>建設業</t>
  </si>
  <si>
    <t>製造業</t>
  </si>
  <si>
    <t>電気・ガス・熱供給・水道業</t>
  </si>
  <si>
    <t>情報通信業</t>
  </si>
  <si>
    <t>運輸業・郵便業</t>
  </si>
  <si>
    <t>卸売業・小売業</t>
  </si>
  <si>
    <t>金融業・保険業</t>
  </si>
  <si>
    <t>不動産業・物品賃貸業</t>
  </si>
  <si>
    <t>学術研究・専門・技術サービス</t>
  </si>
  <si>
    <t>宿泊業・飲食サービス業</t>
  </si>
  <si>
    <t>生活関連サービス業・娯楽業</t>
  </si>
  <si>
    <t>医療・福祉</t>
  </si>
  <si>
    <t>複合サービス事業</t>
  </si>
  <si>
    <t>公務</t>
  </si>
  <si>
    <t>教育・学習支援業</t>
    <phoneticPr fontId="2"/>
  </si>
  <si>
    <t>その他（</t>
    <phoneticPr fontId="2"/>
  </si>
  <si>
    <t>チェックボックス</t>
    <phoneticPr fontId="2"/>
  </si>
  <si>
    <t>□</t>
  </si>
  <si>
    <t>□</t>
    <phoneticPr fontId="2"/>
  </si>
  <si>
    <t>☑</t>
    <phoneticPr fontId="2"/>
  </si>
  <si>
    <t>無期</t>
    <rPh sb="0" eb="2">
      <t>ムキ</t>
    </rPh>
    <phoneticPr fontId="2"/>
  </si>
  <si>
    <t>有期</t>
    <rPh sb="0" eb="2">
      <t>ユウキ</t>
    </rPh>
    <phoneticPr fontId="2"/>
  </si>
  <si>
    <t>水</t>
    <rPh sb="0" eb="1">
      <t>スイ</t>
    </rPh>
    <phoneticPr fontId="2"/>
  </si>
  <si>
    <t>木</t>
    <rPh sb="0" eb="1">
      <t>モク</t>
    </rPh>
    <phoneticPr fontId="2"/>
  </si>
  <si>
    <t>金</t>
    <rPh sb="0" eb="1">
      <t>キン</t>
    </rPh>
    <phoneticPr fontId="2"/>
  </si>
  <si>
    <t>土</t>
    <rPh sb="0" eb="1">
      <t>ド</t>
    </rPh>
    <phoneticPr fontId="2"/>
  </si>
  <si>
    <t>祝日</t>
    <phoneticPr fontId="2"/>
  </si>
  <si>
    <t>正社員</t>
    <phoneticPr fontId="2"/>
  </si>
  <si>
    <t>パート・アルバイト</t>
    <phoneticPr fontId="2"/>
  </si>
  <si>
    <t>派遣社員</t>
  </si>
  <si>
    <t>契約社員</t>
  </si>
  <si>
    <t>会計年度任用職員</t>
  </si>
  <si>
    <t>非常勤・臨時職員</t>
  </si>
  <si>
    <t>役員</t>
  </si>
  <si>
    <t>自営業主</t>
    <phoneticPr fontId="2"/>
  </si>
  <si>
    <t>自営業専従者</t>
    <phoneticPr fontId="2"/>
  </si>
  <si>
    <t>家族従業者</t>
  </si>
  <si>
    <t>内職</t>
  </si>
  <si>
    <t>業務委託</t>
    <rPh sb="0" eb="4">
      <t>ギョウムイタク</t>
    </rPh>
    <phoneticPr fontId="2"/>
  </si>
  <si>
    <t>その他(</t>
    <phoneticPr fontId="2"/>
  </si>
  <si>
    <t>取得済み</t>
    <rPh sb="0" eb="3">
      <t>シュトクズ</t>
    </rPh>
    <phoneticPr fontId="2"/>
  </si>
  <si>
    <t>取得中</t>
    <rPh sb="0" eb="3">
      <t>シュトクチュウ</t>
    </rPh>
    <phoneticPr fontId="2"/>
  </si>
  <si>
    <t>取得予定</t>
    <rPh sb="0" eb="4">
      <t>シュトクヨテイ</t>
    </rPh>
    <phoneticPr fontId="2"/>
  </si>
  <si>
    <t>有</t>
    <rPh sb="0" eb="1">
      <t>ア</t>
    </rPh>
    <phoneticPr fontId="2"/>
  </si>
  <si>
    <t>有（予定）</t>
    <rPh sb="0" eb="1">
      <t>ア</t>
    </rPh>
    <rPh sb="2" eb="4">
      <t>ヨテイ</t>
    </rPh>
    <phoneticPr fontId="2"/>
  </si>
  <si>
    <t>無</t>
    <rPh sb="0" eb="1">
      <t>ナ</t>
    </rPh>
    <phoneticPr fontId="2"/>
  </si>
  <si>
    <t>復職予定</t>
    <rPh sb="0" eb="4">
      <t>フクショクヨテイ</t>
    </rPh>
    <phoneticPr fontId="2"/>
  </si>
  <si>
    <t>復職済み</t>
    <rPh sb="0" eb="3">
      <t>フクショクズ</t>
    </rPh>
    <phoneticPr fontId="2"/>
  </si>
  <si>
    <t>可</t>
    <rPh sb="0" eb="1">
      <t>カ</t>
    </rPh>
    <phoneticPr fontId="2"/>
  </si>
  <si>
    <t>否</t>
    <rPh sb="0" eb="1">
      <t>イナ</t>
    </rPh>
    <phoneticPr fontId="2"/>
  </si>
  <si>
    <t>富山市長</t>
    <rPh sb="0" eb="4">
      <t>トヤマシチョウ</t>
    </rPh>
    <phoneticPr fontId="2"/>
  </si>
  <si>
    <t>□</t>
    <phoneticPr fontId="2"/>
  </si>
  <si>
    <t>産休・育休以外の休業の取得</t>
    <rPh sb="0" eb="2">
      <t>サンキュウ</t>
    </rPh>
    <rPh sb="3" eb="5">
      <t>イクキュウ</t>
    </rPh>
    <rPh sb="5" eb="7">
      <t>イガイ</t>
    </rPh>
    <rPh sb="8" eb="10">
      <t>キュウギョウ</t>
    </rPh>
    <rPh sb="11" eb="13">
      <t>シュトク</t>
    </rPh>
    <phoneticPr fontId="2"/>
  </si>
  <si>
    <t>【</t>
    <phoneticPr fontId="2"/>
  </si>
  <si>
    <r>
      <t>】</t>
    </r>
    <r>
      <rPr>
        <sz val="14"/>
        <rFont val="ＭＳ Ｐゴシック"/>
        <family val="3"/>
        <charset val="128"/>
      </rPr>
      <t>時間</t>
    </r>
    <r>
      <rPr>
        <u/>
        <sz val="14"/>
        <rFont val="ＭＳ Ｐゴシック"/>
        <family val="3"/>
        <charset val="128"/>
      </rPr>
      <t>（休憩を含み残業を除く）</t>
    </r>
    <rPh sb="1" eb="3">
      <t>ジカン</t>
    </rPh>
    <rPh sb="4" eb="6">
      <t>キュウケイ</t>
    </rPh>
    <rPh sb="7" eb="8">
      <t>フク</t>
    </rPh>
    <rPh sb="9" eb="11">
      <t>ザンギョウ</t>
    </rPh>
    <rPh sb="12" eb="13">
      <t>ノゾ</t>
    </rPh>
    <phoneticPr fontId="2"/>
  </si>
  <si>
    <t>①「No.  9」について：入所が内定した場合の育児休業の短縮可否　　</t>
    <rPh sb="14" eb="16">
      <t>ニュウショ</t>
    </rPh>
    <rPh sb="17" eb="19">
      <t>ナイテイ</t>
    </rPh>
    <rPh sb="21" eb="23">
      <t>バアイ</t>
    </rPh>
    <rPh sb="24" eb="28">
      <t>イクジキュウギョウ</t>
    </rPh>
    <rPh sb="29" eb="31">
      <t>タンシュク</t>
    </rPh>
    <rPh sb="31" eb="33">
      <t>カヒ</t>
    </rPh>
    <phoneticPr fontId="2"/>
  </si>
  <si>
    <r>
      <t>②「No.12」について：育児のための短時間勤務制度の利用が「取得予定」・「取得中」の場合の月の合計就労時間</t>
    </r>
    <r>
      <rPr>
        <u/>
        <sz val="14"/>
        <color theme="1"/>
        <rFont val="ＭＳ Ｐゴシック"/>
        <family val="3"/>
        <charset val="128"/>
        <scheme val="minor"/>
      </rPr>
      <t/>
    </r>
    <rPh sb="13" eb="15">
      <t>イクジ</t>
    </rPh>
    <rPh sb="19" eb="24">
      <t>タンジカンキンム</t>
    </rPh>
    <rPh sb="24" eb="26">
      <t>セイド</t>
    </rPh>
    <rPh sb="27" eb="29">
      <t>リヨウ</t>
    </rPh>
    <rPh sb="31" eb="35">
      <t>シュトクヨテイ</t>
    </rPh>
    <rPh sb="38" eb="40">
      <t>シュトク</t>
    </rPh>
    <rPh sb="40" eb="41">
      <t>ナカ</t>
    </rPh>
    <rPh sb="43" eb="45">
      <t>バアイ</t>
    </rPh>
    <rPh sb="46" eb="47">
      <t>ツキ</t>
    </rPh>
    <rPh sb="48" eb="54">
      <t>ゴウケイシュウロウジカン</t>
    </rPh>
    <phoneticPr fontId="2"/>
  </si>
  <si>
    <t>記入例</t>
    <rPh sb="0" eb="3">
      <t>キニュウレイ</t>
    </rPh>
    <phoneticPr fontId="2"/>
  </si>
  <si>
    <r>
      <t>No.1～No.14および、</t>
    </r>
    <r>
      <rPr>
        <u val="double"/>
        <sz val="26"/>
        <color theme="1"/>
        <rFont val="ＭＳ Ｐゴシック"/>
        <family val="3"/>
        <charset val="128"/>
        <scheme val="minor"/>
      </rPr>
      <t>「</t>
    </r>
    <r>
      <rPr>
        <b/>
        <u val="double"/>
        <sz val="26"/>
        <color theme="1"/>
        <rFont val="ＭＳ Ｐゴシック"/>
        <family val="3"/>
        <charset val="128"/>
        <scheme val="minor"/>
      </rPr>
      <t>追加的記載項目欄」</t>
    </r>
    <r>
      <rPr>
        <sz val="26"/>
        <color theme="1"/>
        <rFont val="ＭＳ Ｐゴシック"/>
        <family val="3"/>
        <charset val="128"/>
        <scheme val="minor"/>
      </rPr>
      <t>までの項目について次のとおり記入してください。</t>
    </r>
    <rPh sb="15" eb="23">
      <t>ツイカテキキサイコウモクラン</t>
    </rPh>
    <rPh sb="27" eb="29">
      <t>コウモク</t>
    </rPh>
    <rPh sb="33" eb="34">
      <t>ツギ</t>
    </rPh>
    <rPh sb="38" eb="40">
      <t>キニュウ</t>
    </rPh>
    <phoneticPr fontId="2"/>
  </si>
  <si>
    <t>No.1～No.6</t>
    <phoneticPr fontId="2"/>
  </si>
  <si>
    <r>
      <rPr>
        <b/>
        <u val="double"/>
        <sz val="20"/>
        <color theme="1"/>
        <rFont val="ＭＳ Ｐゴシック"/>
        <family val="3"/>
        <charset val="128"/>
        <scheme val="minor"/>
      </rPr>
      <t>全員記入してください。</t>
    </r>
    <r>
      <rPr>
        <sz val="20"/>
        <color theme="1"/>
        <rFont val="ＭＳ Ｐゴシック"/>
        <family val="3"/>
        <charset val="128"/>
        <scheme val="minor"/>
      </rPr>
      <t>　※「No.6；就労時間」については「固定就労」「変則就労」のうち</t>
    </r>
    <r>
      <rPr>
        <b/>
        <u val="double"/>
        <sz val="20"/>
        <color theme="1"/>
        <rFont val="ＭＳ Ｐゴシック"/>
        <family val="3"/>
        <charset val="128"/>
        <scheme val="minor"/>
      </rPr>
      <t>いずれかに</t>
    </r>
    <r>
      <rPr>
        <sz val="20"/>
        <color theme="1"/>
        <rFont val="ＭＳ Ｐゴシック"/>
        <family val="3"/>
        <charset val="128"/>
        <scheme val="minor"/>
      </rPr>
      <t>記入してください。</t>
    </r>
    <rPh sb="0" eb="2">
      <t>ゼンイン</t>
    </rPh>
    <rPh sb="2" eb="4">
      <t>キニュウ</t>
    </rPh>
    <rPh sb="19" eb="23">
      <t>シュウロウジカン</t>
    </rPh>
    <rPh sb="30" eb="32">
      <t>コテイ</t>
    </rPh>
    <rPh sb="32" eb="34">
      <t>シュウロウ</t>
    </rPh>
    <rPh sb="36" eb="40">
      <t>ヘンソクシュウロウ</t>
    </rPh>
    <rPh sb="49" eb="51">
      <t>キニュウ</t>
    </rPh>
    <phoneticPr fontId="2"/>
  </si>
  <si>
    <t>No.7</t>
    <phoneticPr fontId="2"/>
  </si>
  <si>
    <t>記入不要です。（富山市では利用調整や認定において実績は使用しないため。）</t>
    <rPh sb="0" eb="4">
      <t>キニュウフヨウ</t>
    </rPh>
    <rPh sb="8" eb="11">
      <t>トヤマシ</t>
    </rPh>
    <rPh sb="13" eb="17">
      <t>リヨウチョウセイ</t>
    </rPh>
    <rPh sb="18" eb="20">
      <t>ニンテイ</t>
    </rPh>
    <rPh sb="24" eb="26">
      <t>ジッセキ</t>
    </rPh>
    <rPh sb="27" eb="29">
      <t>シヨウ</t>
    </rPh>
    <phoneticPr fontId="2"/>
  </si>
  <si>
    <t>No.8～No.11</t>
    <phoneticPr fontId="2"/>
  </si>
  <si>
    <r>
      <t>休業を取得中・取得予定の場合に記入してください。あわせて</t>
    </r>
    <r>
      <rPr>
        <b/>
        <u val="double"/>
        <sz val="20"/>
        <color theme="1"/>
        <rFont val="ＭＳ Ｐゴシック"/>
        <family val="3"/>
        <charset val="128"/>
        <scheme val="minor"/>
      </rPr>
      <t>「追加的記載項目欄」①に記入してください。</t>
    </r>
    <rPh sb="0" eb="2">
      <t>キュウギョウ</t>
    </rPh>
    <rPh sb="3" eb="5">
      <t>シュトク</t>
    </rPh>
    <rPh sb="5" eb="6">
      <t>ナカ</t>
    </rPh>
    <rPh sb="7" eb="11">
      <t>シュトクヨテイ</t>
    </rPh>
    <rPh sb="12" eb="14">
      <t>バアイ</t>
    </rPh>
    <rPh sb="15" eb="17">
      <t>キニュウ</t>
    </rPh>
    <rPh sb="29" eb="32">
      <t>ツイカテキ</t>
    </rPh>
    <rPh sb="32" eb="34">
      <t>キサイ</t>
    </rPh>
    <rPh sb="34" eb="36">
      <t>コウモク</t>
    </rPh>
    <rPh sb="36" eb="37">
      <t>ラン</t>
    </rPh>
    <rPh sb="40" eb="42">
      <t>キニュウ</t>
    </rPh>
    <phoneticPr fontId="2"/>
  </si>
  <si>
    <r>
      <t>短時間勤務制度を利用している場合に記入してください。あわせて</t>
    </r>
    <r>
      <rPr>
        <b/>
        <u val="double"/>
        <sz val="20"/>
        <color theme="1"/>
        <rFont val="ＭＳ Ｐゴシック"/>
        <family val="3"/>
        <charset val="128"/>
        <scheme val="minor"/>
      </rPr>
      <t>「追加的記載項目欄」②に記入してください。</t>
    </r>
    <rPh sb="0" eb="3">
      <t>タンジカン</t>
    </rPh>
    <rPh sb="3" eb="5">
      <t>キンム</t>
    </rPh>
    <rPh sb="5" eb="7">
      <t>セイド</t>
    </rPh>
    <rPh sb="8" eb="10">
      <t>リヨウ</t>
    </rPh>
    <rPh sb="14" eb="16">
      <t>バアイ</t>
    </rPh>
    <rPh sb="17" eb="19">
      <t>キニュウ</t>
    </rPh>
    <rPh sb="31" eb="34">
      <t>ツイカテキ</t>
    </rPh>
    <rPh sb="34" eb="36">
      <t>キサイ</t>
    </rPh>
    <rPh sb="36" eb="38">
      <t>コウモク</t>
    </rPh>
    <rPh sb="38" eb="39">
      <t>ラン</t>
    </rPh>
    <rPh sb="42" eb="44">
      <t>キニュウ</t>
    </rPh>
    <phoneticPr fontId="2"/>
  </si>
  <si>
    <t>No.13</t>
    <phoneticPr fontId="2"/>
  </si>
  <si>
    <t>保育士等として勤務するかについて選択してください。</t>
    <rPh sb="0" eb="4">
      <t>ホイクシトウ</t>
    </rPh>
    <rPh sb="7" eb="9">
      <t>キンム</t>
    </rPh>
    <rPh sb="16" eb="18">
      <t>センタク</t>
    </rPh>
    <phoneticPr fontId="2"/>
  </si>
  <si>
    <t>特記事項があれば記入してください。</t>
    <rPh sb="0" eb="2">
      <t>トッキ</t>
    </rPh>
    <rPh sb="2" eb="4">
      <t>ジコウ</t>
    </rPh>
    <rPh sb="8" eb="10">
      <t>キニュウ</t>
    </rPh>
    <phoneticPr fontId="2"/>
  </si>
  <si>
    <t>追加的記載項目欄</t>
    <rPh sb="0" eb="8">
      <t>ツイカテキキサイコウモクラン</t>
    </rPh>
    <phoneticPr fontId="2"/>
  </si>
  <si>
    <t>①「No.9：育児休業の取得」について「取得中」・「取得予定」とした場合は、選択してください。</t>
    <rPh sb="7" eb="11">
      <t>イクジキュウギョウ</t>
    </rPh>
    <rPh sb="12" eb="14">
      <t>シュトク</t>
    </rPh>
    <rPh sb="20" eb="22">
      <t>シュトク</t>
    </rPh>
    <rPh sb="22" eb="23">
      <t>ナカ</t>
    </rPh>
    <rPh sb="26" eb="28">
      <t>シュトク</t>
    </rPh>
    <rPh sb="28" eb="30">
      <t>ヨテイ</t>
    </rPh>
    <rPh sb="34" eb="36">
      <t>バアイ</t>
    </rPh>
    <rPh sb="38" eb="40">
      <t>センタク</t>
    </rPh>
    <phoneticPr fontId="2"/>
  </si>
  <si>
    <r>
      <t>②「No.12：育児のための短時間制度利用有無」について「取得予定」・「取得中」とした場合は月の就労時間を記入してください。</t>
    </r>
    <r>
      <rPr>
        <b/>
        <u val="double"/>
        <sz val="19.5"/>
        <color theme="1"/>
        <rFont val="ＭＳ Ｐゴシック"/>
        <family val="3"/>
        <charset val="128"/>
        <scheme val="minor"/>
      </rPr>
      <t>（休憩を含み、残業を除く）</t>
    </r>
    <rPh sb="8" eb="10">
      <t>イクジ</t>
    </rPh>
    <rPh sb="14" eb="17">
      <t>タンジカン</t>
    </rPh>
    <rPh sb="17" eb="21">
      <t>セイドリヨウ</t>
    </rPh>
    <rPh sb="21" eb="23">
      <t>ウム</t>
    </rPh>
    <rPh sb="29" eb="33">
      <t>シュトクヨテイ</t>
    </rPh>
    <rPh sb="36" eb="39">
      <t>シュトクチュウ</t>
    </rPh>
    <rPh sb="43" eb="45">
      <t>バアイ</t>
    </rPh>
    <rPh sb="46" eb="47">
      <t>ツキ</t>
    </rPh>
    <rPh sb="48" eb="52">
      <t>シュウロウジカン</t>
    </rPh>
    <rPh sb="53" eb="55">
      <t>キニュウ</t>
    </rPh>
    <rPh sb="63" eb="65">
      <t>キュウケイ</t>
    </rPh>
    <rPh sb="66" eb="67">
      <t>フク</t>
    </rPh>
    <rPh sb="69" eb="71">
      <t>ザンギョウ</t>
    </rPh>
    <rPh sb="72" eb="73">
      <t>ノゾ</t>
    </rPh>
    <phoneticPr fontId="2"/>
  </si>
  <si>
    <t>就労証明書</t>
    <phoneticPr fontId="2"/>
  </si>
  <si>
    <t>人事部</t>
    <rPh sb="0" eb="3">
      <t>ジンジブ</t>
    </rPh>
    <phoneticPr fontId="2"/>
  </si>
  <si>
    <t>富山　一郎</t>
    <rPh sb="0" eb="2">
      <t>トヤマ</t>
    </rPh>
    <rPh sb="3" eb="5">
      <t>イチロウ</t>
    </rPh>
    <phoneticPr fontId="2"/>
  </si>
  <si>
    <t>富山市新桜町7番38号</t>
    <rPh sb="0" eb="3">
      <t>トヤマシ</t>
    </rPh>
    <rPh sb="3" eb="6">
      <t>シンサクラマチ</t>
    </rPh>
    <rPh sb="7" eb="8">
      <t>バン</t>
    </rPh>
    <rPh sb="10" eb="11">
      <t>ゴウ</t>
    </rPh>
    <phoneticPr fontId="2"/>
  </si>
  <si>
    <t>076</t>
    <phoneticPr fontId="2"/>
  </si>
  <si>
    <t>―</t>
    <phoneticPr fontId="2"/>
  </si>
  <si>
    <t>443</t>
    <phoneticPr fontId="2"/>
  </si>
  <si>
    <t>―</t>
    <phoneticPr fontId="2"/>
  </si>
  <si>
    <t>2165</t>
    <phoneticPr fontId="2"/>
  </si>
  <si>
    <t>富山　二郎</t>
    <rPh sb="0" eb="2">
      <t>トヤマ</t>
    </rPh>
    <rPh sb="3" eb="5">
      <t>ジロウ</t>
    </rPh>
    <phoneticPr fontId="2"/>
  </si>
  <si>
    <t>076-</t>
    <phoneticPr fontId="2"/>
  </si>
  <si>
    <t>443</t>
    <phoneticPr fontId="2"/>
  </si>
  <si>
    <t>―</t>
    <phoneticPr fontId="2"/>
  </si>
  <si>
    <t>2059</t>
    <phoneticPr fontId="2"/>
  </si>
  <si>
    <t>※本証明書の内容について、就労先事業者等に無断で作成し又は改変を行ったときには、刑法上の罪に問われる場合があります。</t>
    <phoneticPr fontId="2"/>
  </si>
  <si>
    <t>No.</t>
    <phoneticPr fontId="2"/>
  </si>
  <si>
    <t>☑</t>
  </si>
  <si>
    <t>教育・学習支援業</t>
    <phoneticPr fontId="2"/>
  </si>
  <si>
    <t>その他（</t>
    <phoneticPr fontId="2"/>
  </si>
  <si>
    <t>）</t>
    <phoneticPr fontId="2"/>
  </si>
  <si>
    <t>フリガナ</t>
    <phoneticPr fontId="2"/>
  </si>
  <si>
    <t>トヤマ　ハナコ</t>
    <phoneticPr fontId="2"/>
  </si>
  <si>
    <t>富山　花子</t>
    <rPh sb="0" eb="2">
      <t>トヤマ</t>
    </rPh>
    <rPh sb="3" eb="5">
      <t>ハナコ</t>
    </rPh>
    <phoneticPr fontId="2"/>
  </si>
  <si>
    <t>生年
月日</t>
    <phoneticPr fontId="2"/>
  </si>
  <si>
    <t>年</t>
    <phoneticPr fontId="2"/>
  </si>
  <si>
    <t>日</t>
    <phoneticPr fontId="2"/>
  </si>
  <si>
    <t>～</t>
    <phoneticPr fontId="2"/>
  </si>
  <si>
    <t>とやま　富山駅前店</t>
    <rPh sb="4" eb="6">
      <t>トヤマ</t>
    </rPh>
    <rPh sb="6" eb="9">
      <t>エキマエテン</t>
    </rPh>
    <phoneticPr fontId="2"/>
  </si>
  <si>
    <t>富山市明輪町◯番◯号</t>
    <rPh sb="0" eb="3">
      <t>トヤマシ</t>
    </rPh>
    <rPh sb="3" eb="6">
      <t>メイリンチョウ</t>
    </rPh>
    <rPh sb="7" eb="8">
      <t>バン</t>
    </rPh>
    <rPh sb="9" eb="10">
      <t>ゴウ</t>
    </rPh>
    <phoneticPr fontId="2"/>
  </si>
  <si>
    <t>正社員</t>
    <phoneticPr fontId="2"/>
  </si>
  <si>
    <t>パート・アルバイト</t>
    <phoneticPr fontId="2"/>
  </si>
  <si>
    <t>自営業主</t>
    <phoneticPr fontId="2"/>
  </si>
  <si>
    <t>自営業専従者</t>
    <phoneticPr fontId="2"/>
  </si>
  <si>
    <t>□</t>
    <phoneticPr fontId="2"/>
  </si>
  <si>
    <t>その他(</t>
    <phoneticPr fontId="2"/>
  </si>
  <si>
    <t>)</t>
    <phoneticPr fontId="2"/>
  </si>
  <si>
    <t>日</t>
    <phoneticPr fontId="2"/>
  </si>
  <si>
    <t>祝日</t>
    <phoneticPr fontId="2"/>
  </si>
  <si>
    <t>合計
時間</t>
    <phoneticPr fontId="2"/>
  </si>
  <si>
    <t>～</t>
    <phoneticPr fontId="2"/>
  </si>
  <si>
    <t>～</t>
    <phoneticPr fontId="2"/>
  </si>
  <si>
    <r>
      <t xml:space="preserve">就労時間
</t>
    </r>
    <r>
      <rPr>
        <sz val="12"/>
        <rFont val="ＭＳ Ｐゴシック"/>
        <family val="3"/>
        <charset val="128"/>
      </rPr>
      <t>(変則就労の場合)</t>
    </r>
    <phoneticPr fontId="2"/>
  </si>
  <si>
    <t>就労日数</t>
    <phoneticPr fontId="2"/>
  </si>
  <si>
    <t>日／月</t>
    <phoneticPr fontId="2"/>
  </si>
  <si>
    <t>日／月</t>
    <phoneticPr fontId="2"/>
  </si>
  <si>
    <t>～</t>
    <phoneticPr fontId="2"/>
  </si>
  <si>
    <t>～</t>
    <phoneticPr fontId="2"/>
  </si>
  <si>
    <t>保育士等としての勤務実態の有無</t>
    <phoneticPr fontId="2"/>
  </si>
  <si>
    <t>【</t>
    <phoneticPr fontId="2"/>
  </si>
  <si>
    <t>【就労証明書】記載要領</t>
    <rPh sb="7" eb="9">
      <t>キサイ</t>
    </rPh>
    <rPh sb="9" eb="11">
      <t>ヨウリョウ</t>
    </rPh>
    <phoneticPr fontId="2"/>
  </si>
  <si>
    <t>証明日</t>
    <phoneticPr fontId="2"/>
  </si>
  <si>
    <t>○証明書を発行する事業者の名称（法人名）を記載してください。
　※証明書の発行に責任を持つ企業・組織・団体名等を記載してください。
　※個人事業主の場合は事業者の名称を記載してください。</t>
  </si>
  <si>
    <t>○代表者（法人の代表者や個人事業主）の氏名を記載してください。
　※「代表者に該当する者がいない場合」・「事業所側で証明権限を代表者以外に付与している場合」には、「当該証明権限を有する証明書の内容に責任を持つ者」の氏名を記載してください。</t>
    <rPh sb="1" eb="4">
      <t>ダイヒョウシャ</t>
    </rPh>
    <rPh sb="5" eb="7">
      <t>ホウジン</t>
    </rPh>
    <rPh sb="8" eb="11">
      <t>ダイヒョウシャ</t>
    </rPh>
    <rPh sb="12" eb="14">
      <t>コジン</t>
    </rPh>
    <rPh sb="14" eb="17">
      <t>ジギョウヌシ</t>
    </rPh>
    <rPh sb="35" eb="38">
      <t>ダイヒョウシャ</t>
    </rPh>
    <rPh sb="39" eb="41">
      <t>ガイトウ</t>
    </rPh>
    <rPh sb="43" eb="44">
      <t>シャ</t>
    </rPh>
    <rPh sb="48" eb="50">
      <t>バアイ</t>
    </rPh>
    <rPh sb="53" eb="56">
      <t>ジギョウショ</t>
    </rPh>
    <rPh sb="56" eb="57">
      <t>ガワ</t>
    </rPh>
    <rPh sb="58" eb="60">
      <t>ショウメイ</t>
    </rPh>
    <rPh sb="60" eb="62">
      <t>ケンゲン</t>
    </rPh>
    <rPh sb="63" eb="65">
      <t>ダイヒョウ</t>
    </rPh>
    <rPh sb="65" eb="66">
      <t>シャ</t>
    </rPh>
    <rPh sb="66" eb="68">
      <t>イガイ</t>
    </rPh>
    <rPh sb="69" eb="71">
      <t>フヨ</t>
    </rPh>
    <rPh sb="75" eb="77">
      <t>バアイ</t>
    </rPh>
    <rPh sb="82" eb="84">
      <t>トウガイ</t>
    </rPh>
    <rPh sb="84" eb="86">
      <t>ショウメイ</t>
    </rPh>
    <rPh sb="86" eb="88">
      <t>ケンゲン</t>
    </rPh>
    <rPh sb="89" eb="90">
      <t>ユウ</t>
    </rPh>
    <rPh sb="107" eb="109">
      <t>シメイ</t>
    </rPh>
    <phoneticPr fontId="2"/>
  </si>
  <si>
    <t>○証明書発行事業所の住所を記載してください。
　※証明書の証明対象となる者（以下「本人」という。）の就労先住所ではない点に注意してください。</t>
    <phoneticPr fontId="2"/>
  </si>
  <si>
    <t>電話番号</t>
    <phoneticPr fontId="2"/>
  </si>
  <si>
    <t>№1</t>
    <phoneticPr fontId="2"/>
  </si>
  <si>
    <t>○現在の就労状況について該当する項目をチェック（レ点記入）してください。。
　※いずれにも該当しない場合は「□その他」をチェック（レ点記入）し、カッコ内に簡潔に記載してください。</t>
    <rPh sb="77" eb="79">
      <t>カンケツ</t>
    </rPh>
    <phoneticPr fontId="2"/>
  </si>
  <si>
    <t>№2</t>
    <phoneticPr fontId="2"/>
  </si>
  <si>
    <t>○本人の生年月日を記載してください。
　※年の欄は西暦で記載してください。</t>
    <rPh sb="1" eb="3">
      <t>ホンニン</t>
    </rPh>
    <rPh sb="4" eb="6">
      <t>セイネン</t>
    </rPh>
    <rPh sb="6" eb="8">
      <t>ガッピ</t>
    </rPh>
    <rPh sb="21" eb="22">
      <t>ネン</t>
    </rPh>
    <rPh sb="23" eb="24">
      <t>ラン</t>
    </rPh>
    <rPh sb="25" eb="27">
      <t>セイレキ</t>
    </rPh>
    <phoneticPr fontId="2"/>
  </si>
  <si>
    <t>№3</t>
    <phoneticPr fontId="2"/>
  </si>
  <si>
    <t>雇用(予定)期間等</t>
    <phoneticPr fontId="2"/>
  </si>
  <si>
    <t>○雇用期間について「□無期」か「□有期」にチェック（レ点記入）してください。。
○雇用期間について「□無期」の場合は雇用開始日のみを、「□有期」の場合はその期間を記載してください。
　※年の欄は西暦で記載してください。
　※契約内容の変更を予定している場合、変更前の契約が終了する日を終期として記載してください。</t>
    <phoneticPr fontId="2"/>
  </si>
  <si>
    <t>№4</t>
    <phoneticPr fontId="2"/>
  </si>
  <si>
    <t>○右上欄に記載の事業所名（証明書発行事業所名）と異なる場合は本人が実際に働いている事業所の名称を記載してください。</t>
    <rPh sb="1" eb="3">
      <t>ミギウエ</t>
    </rPh>
    <rPh sb="3" eb="4">
      <t>ラン</t>
    </rPh>
    <rPh sb="5" eb="7">
      <t>キサイ</t>
    </rPh>
    <rPh sb="8" eb="11">
      <t>ジギョウショ</t>
    </rPh>
    <rPh sb="13" eb="16">
      <t>ショウメイショ</t>
    </rPh>
    <rPh sb="16" eb="18">
      <t>ハッコウ</t>
    </rPh>
    <rPh sb="18" eb="21">
      <t>ジギョウショ</t>
    </rPh>
    <rPh sb="21" eb="22">
      <t>メイ</t>
    </rPh>
    <rPh sb="33" eb="35">
      <t>ジッサイ</t>
    </rPh>
    <phoneticPr fontId="2"/>
  </si>
  <si>
    <t xml:space="preserve">
○右上欄に記載の所在地（証明書発行事業所住所）と異なる場合は本人が実際に働いている勤務先の住所を記載してください。
　※実際に働いている就労場所が複数存在する場合は、主たる就労先の住所を記載してください。
　※就労場所が存在しない場合には、自宅等就労時に本人が主として存在している場所を記載してください。</t>
    <rPh sb="2" eb="4">
      <t>ミギウエ</t>
    </rPh>
    <rPh sb="4" eb="5">
      <t>ラン</t>
    </rPh>
    <rPh sb="6" eb="8">
      <t>キサイ</t>
    </rPh>
    <rPh sb="9" eb="12">
      <t>ショザイチ</t>
    </rPh>
    <rPh sb="34" eb="36">
      <t>ジッサイ</t>
    </rPh>
    <rPh sb="42" eb="45">
      <t>キンムサキ</t>
    </rPh>
    <rPh sb="61" eb="63">
      <t>ジッサイ</t>
    </rPh>
    <rPh sb="64" eb="65">
      <t>ハタラ</t>
    </rPh>
    <rPh sb="69" eb="71">
      <t>シュウロウ</t>
    </rPh>
    <rPh sb="87" eb="89">
      <t>シュウロウ</t>
    </rPh>
    <rPh sb="106" eb="108">
      <t>シュウロウ</t>
    </rPh>
    <rPh sb="131" eb="132">
      <t>シュ</t>
    </rPh>
    <phoneticPr fontId="2"/>
  </si>
  <si>
    <t>№5</t>
    <phoneticPr fontId="2"/>
  </si>
  <si>
    <t>雇用の形態</t>
    <phoneticPr fontId="2"/>
  </si>
  <si>
    <t>○雇用の形態について該当する項目にチェック（レ点記入）してください。。
　※自営業の場合は、「自営業主」・「自営業専従者」・「家族従業者」のいずれかにチェック（レ点記入）してください。
　※「契約社員」等の場合で、「会計年度任用職員」にも該当する場合は、「会計年度任用職員」にチェック（レ点記入）してください。
　※「パート・アルバイト」「派遣社員」「契約社員」「会計年度任用職員」のいずれにも該当しない「非常勤・臨時職員」である場合、「非常勤・臨時職員」にチェック（レ点記入。）してください。
　※雇用の形態に該当する項目がない場合は「□その他」にチェック（レ点記入）し、簡潔に記載してください。</t>
    <rPh sb="1" eb="3">
      <t>コヨウ</t>
    </rPh>
    <rPh sb="38" eb="41">
      <t>ジエイギョウ</t>
    </rPh>
    <rPh sb="42" eb="44">
      <t>バアイ</t>
    </rPh>
    <rPh sb="47" eb="50">
      <t>ジエイギョウ</t>
    </rPh>
    <rPh sb="50" eb="51">
      <t>ヌシ</t>
    </rPh>
    <rPh sb="54" eb="57">
      <t>ジエイギョウ</t>
    </rPh>
    <rPh sb="57" eb="60">
      <t>センジュウシャ</t>
    </rPh>
    <rPh sb="63" eb="65">
      <t>カゾク</t>
    </rPh>
    <rPh sb="65" eb="68">
      <t>ジュウギョウシャ</t>
    </rPh>
    <rPh sb="81" eb="82">
      <t>テン</t>
    </rPh>
    <rPh sb="82" eb="84">
      <t>キニュウ</t>
    </rPh>
    <rPh sb="96" eb="98">
      <t>ケイヤク</t>
    </rPh>
    <rPh sb="98" eb="100">
      <t>シャイン</t>
    </rPh>
    <rPh sb="101" eb="102">
      <t>トウ</t>
    </rPh>
    <rPh sb="103" eb="105">
      <t>バアイ</t>
    </rPh>
    <rPh sb="108" eb="110">
      <t>カイケイ</t>
    </rPh>
    <rPh sb="110" eb="112">
      <t>ネンド</t>
    </rPh>
    <rPh sb="112" eb="114">
      <t>ニンヨウ</t>
    </rPh>
    <rPh sb="114" eb="116">
      <t>ショクイン</t>
    </rPh>
    <rPh sb="119" eb="121">
      <t>ガイトウ</t>
    </rPh>
    <rPh sb="123" eb="125">
      <t>バアイ</t>
    </rPh>
    <rPh sb="128" eb="130">
      <t>カイケイ</t>
    </rPh>
    <rPh sb="130" eb="132">
      <t>ネンド</t>
    </rPh>
    <rPh sb="132" eb="134">
      <t>ニンヨウ</t>
    </rPh>
    <rPh sb="134" eb="136">
      <t>ショクイン</t>
    </rPh>
    <rPh sb="144" eb="145">
      <t>テン</t>
    </rPh>
    <rPh sb="145" eb="147">
      <t>キニュウ</t>
    </rPh>
    <rPh sb="170" eb="172">
      <t>ハケン</t>
    </rPh>
    <rPh sb="172" eb="174">
      <t>シャイン</t>
    </rPh>
    <rPh sb="176" eb="178">
      <t>ケイヤク</t>
    </rPh>
    <rPh sb="178" eb="180">
      <t>シャイン</t>
    </rPh>
    <rPh sb="182" eb="184">
      <t>カイケイ</t>
    </rPh>
    <rPh sb="184" eb="186">
      <t>ネンド</t>
    </rPh>
    <rPh sb="186" eb="188">
      <t>ニンヨウ</t>
    </rPh>
    <rPh sb="188" eb="190">
      <t>ショクイン</t>
    </rPh>
    <rPh sb="197" eb="199">
      <t>ガイトウ</t>
    </rPh>
    <rPh sb="203" eb="206">
      <t>ヒジョウキン</t>
    </rPh>
    <rPh sb="207" eb="209">
      <t>リンジ</t>
    </rPh>
    <rPh sb="209" eb="211">
      <t>ショクイン</t>
    </rPh>
    <rPh sb="215" eb="217">
      <t>バアイ</t>
    </rPh>
    <rPh sb="219" eb="222">
      <t>ヒジョウキン</t>
    </rPh>
    <rPh sb="223" eb="225">
      <t>リンジ</t>
    </rPh>
    <rPh sb="225" eb="227">
      <t>ショクイン</t>
    </rPh>
    <rPh sb="235" eb="236">
      <t>テン</t>
    </rPh>
    <rPh sb="236" eb="238">
      <t>キニュウ</t>
    </rPh>
    <rPh sb="250" eb="252">
      <t>コヨウ</t>
    </rPh>
    <rPh sb="253" eb="255">
      <t>ケイタイ</t>
    </rPh>
    <phoneticPr fontId="2"/>
  </si>
  <si>
    <t>№6</t>
    <phoneticPr fontId="2"/>
  </si>
  <si>
    <t>就労時間
（固定就労の場合）</t>
    <phoneticPr fontId="2"/>
  </si>
  <si>
    <t xml:space="preserve">○「月・火・水・木・金・土・日・祝日」のうち、通常の就労日について該当する項目にチェック（レ点記入）してください。［複数選択可］
○就労の合計時間（月間）についてを記載してください。
　※「雇用契約に基づく就労時間」であり、実際に就労した時間（実績）ではありません。育児
　　短時間勤務制度を利用している場合でも、制度利用前の就労時間数を記載してください。
　※雇用契約上、週当たりの就労時間が定められている場合
　→４（週）を乗じた時間を記載してください。
　※雇用契約上、年当たりの就労時間が定められている場合
　→12（月）で除した時間を記載してください。
　※雇用契約上の就労時間であるため、残業時間は除いてください。
　※休憩時間（就業規則等で定められている休憩に限る。）は含める。
　　就業規則等で定められている休憩時間の月間の合計時間数についても記載してください。
○一月当たり、一週当たりの就労日数について記載してください。
　※雇用契約に基づく就労日数であり、実際に就労した日数（実績）ではありません。
　※雇用契約上、月当たりの就労日数が定められている場合
　　→週当たりの就労日数欄には、４（週）で除した日数を記載してください。
　※雇用契約上、週当たりの就労日数が定められている場合
　　→月当たりの就労日数欄には、４（週）を乗じた日数を記載してください。
　※雇用契約上、年当たりの就労日数が定められている場合
　　→月当たりの就労日数欄には12（月）で除した日数、週当たりの就労日数欄には48（週）で
　　除した日数を記載してください。
○就労時間帯は、「24時間表記」で記載してください。
　※夜間勤務など日をまたぐ場合には、０時～29時の幅（例：22時から翌朝５時まで就労する
　　場合は「22時00分～29時00分」）で記載してください。
○平日、土曜、日祝毎に就労時間時間帯を記載してください。
　※休憩時間（就業規則等で定められている休憩に限る。）は含め、当該時間帯における就業
　　規則等で定められている休憩時間数（分）についても記載してください。
　※平日、土曜、日祝のいずれか就労がない場合は空欄。
</t>
    <rPh sb="2" eb="3">
      <t>ゲツ</t>
    </rPh>
    <rPh sb="6" eb="7">
      <t>スイ</t>
    </rPh>
    <rPh sb="8" eb="9">
      <t>モク</t>
    </rPh>
    <rPh sb="14" eb="15">
      <t>ニチ</t>
    </rPh>
    <rPh sb="16" eb="18">
      <t>シュクジツ</t>
    </rPh>
    <rPh sb="58" eb="60">
      <t>フクスウ</t>
    </rPh>
    <rPh sb="60" eb="62">
      <t>センタク</t>
    </rPh>
    <rPh sb="134" eb="136">
      <t>イクジ</t>
    </rPh>
    <rPh sb="139" eb="142">
      <t>タンジカン</t>
    </rPh>
    <rPh sb="142" eb="144">
      <t>キンム</t>
    </rPh>
    <rPh sb="144" eb="146">
      <t>セイド</t>
    </rPh>
    <rPh sb="147" eb="149">
      <t>リヨウ</t>
    </rPh>
    <rPh sb="153" eb="155">
      <t>バアイ</t>
    </rPh>
    <rPh sb="164" eb="166">
      <t>シュウロウ</t>
    </rPh>
    <rPh sb="166" eb="168">
      <t>ジカン</t>
    </rPh>
    <rPh sb="168" eb="169">
      <t>スウ</t>
    </rPh>
    <rPh sb="240" eb="241">
      <t>ア</t>
    </rPh>
    <rPh sb="285" eb="287">
      <t>コヨウ</t>
    </rPh>
    <rPh sb="287" eb="289">
      <t>ケイヤク</t>
    </rPh>
    <rPh sb="289" eb="290">
      <t>ジョウ</t>
    </rPh>
    <rPh sb="291" eb="293">
      <t>シュウロウ</t>
    </rPh>
    <rPh sb="293" eb="295">
      <t>ジカン</t>
    </rPh>
    <rPh sb="343" eb="344">
      <t>フク</t>
    </rPh>
    <rPh sb="350" eb="352">
      <t>シュウギョウ</t>
    </rPh>
    <rPh sb="352" eb="354">
      <t>キソク</t>
    </rPh>
    <rPh sb="354" eb="355">
      <t>トウ</t>
    </rPh>
    <rPh sb="356" eb="357">
      <t>サダ</t>
    </rPh>
    <rPh sb="363" eb="365">
      <t>キュウケイ</t>
    </rPh>
    <rPh sb="365" eb="367">
      <t>ジカン</t>
    </rPh>
    <rPh sb="368" eb="370">
      <t>ゲッカン</t>
    </rPh>
    <rPh sb="371" eb="373">
      <t>ゴウケイ</t>
    </rPh>
    <rPh sb="373" eb="375">
      <t>ジカン</t>
    </rPh>
    <rPh sb="375" eb="376">
      <t>スウ</t>
    </rPh>
    <rPh sb="393" eb="395">
      <t>ヒトツキ</t>
    </rPh>
    <rPh sb="395" eb="396">
      <t>ア</t>
    </rPh>
    <rPh sb="715" eb="717">
      <t>ヤカン</t>
    </rPh>
    <rPh sb="717" eb="719">
      <t>キンム</t>
    </rPh>
    <rPh sb="721" eb="722">
      <t>ヒ</t>
    </rPh>
    <rPh sb="726" eb="728">
      <t>バアイ</t>
    </rPh>
    <rPh sb="732" eb="733">
      <t>ジ</t>
    </rPh>
    <rPh sb="736" eb="737">
      <t>ジ</t>
    </rPh>
    <rPh sb="738" eb="739">
      <t>ハバ</t>
    </rPh>
    <rPh sb="740" eb="741">
      <t>タト</t>
    </rPh>
    <rPh sb="744" eb="745">
      <t>ジ</t>
    </rPh>
    <rPh sb="747" eb="749">
      <t>ヨクアサ</t>
    </rPh>
    <rPh sb="750" eb="751">
      <t>ジ</t>
    </rPh>
    <rPh sb="753" eb="755">
      <t>シュウロウ</t>
    </rPh>
    <rPh sb="760" eb="762">
      <t>バアイ</t>
    </rPh>
    <rPh sb="766" eb="767">
      <t>ジ</t>
    </rPh>
    <rPh sb="769" eb="770">
      <t>フン</t>
    </rPh>
    <rPh sb="773" eb="774">
      <t>ジ</t>
    </rPh>
    <rPh sb="776" eb="777">
      <t>フン</t>
    </rPh>
    <rPh sb="798" eb="799">
      <t>ニチ</t>
    </rPh>
    <rPh sb="802" eb="806">
      <t>シュウロウジカン</t>
    </rPh>
    <rPh sb="806" eb="809">
      <t>ジカンタイ</t>
    </rPh>
    <rPh sb="851" eb="853">
      <t>トウガイ</t>
    </rPh>
    <rPh sb="853" eb="856">
      <t>ジカンタイ</t>
    </rPh>
    <rPh sb="880" eb="881">
      <t>スウ</t>
    </rPh>
    <rPh sb="882" eb="883">
      <t>フン</t>
    </rPh>
    <rPh sb="908" eb="909">
      <t>シュク</t>
    </rPh>
    <phoneticPr fontId="2"/>
  </si>
  <si>
    <t>就労時間
（変則就労の場合）</t>
    <phoneticPr fontId="2"/>
  </si>
  <si>
    <t>○日々の就労時間が定められていない就労者について、雇用契約に基づく就労時間を記載してください。
○月間又は週間の就労時間（合計）についてを記載してください。
　※雇用契約に基づく就労時間であり、実際に就労した時間（実績）ではありません。
育児短時間勤務制度を利用している場合でも、制度利用前の就業規則上の就労時間数を記載してください。
　※雇用契約上、１日当たりの就労時間が定められている場合
　→５（日）を乗じて、「週間」の就労時間を記載してください。
　※週間の労働時間を記載する場合
　→当該時間に４を乗した時間数を月の就労時間とみなす。
　※雇用契約上の就労時間であるため、残業時間は除く。
　※休憩時間（就業規則等で定められている休憩に限る。）は含める。
就業規則等で定められている休憩時間の月間又は週間の合計時間数についても記載してください。
○一月当たり又は一週当たりの就労日数について記載してください。
　※雇用契約に基づく就労日数であり、実際に就労した日数（実績）ではありません。
　※雇用契約上、年当たりの就労日数が定められている場合
　→月当たりの就労日数欄には12（月）で除した日数、週当たりの就労日数欄には48（週）で除した日数を記載してください。
○就労時間帯は、「24時間表記」で記載してください。
　※夜間勤務など日をまたぐ場合には、０時～29時の幅（例：22時から翌朝５時まで就労する場合は「22時00分～29時00分」）で記載してください。
○主な就労時間帯・シフト時間帯について、最も可能性の高い（勤務回数の多い）時間帯を記載してください。
　※雇用契約上、コアタイム等の定めがない場合も、想定される最も標準的な時間帯を記載してください。
　</t>
    <rPh sb="140" eb="142">
      <t>セイド</t>
    </rPh>
    <rPh sb="142" eb="144">
      <t>リヨウ</t>
    </rPh>
    <rPh sb="144" eb="145">
      <t>マエ</t>
    </rPh>
    <rPh sb="146" eb="148">
      <t>シュウギョウ</t>
    </rPh>
    <rPh sb="148" eb="150">
      <t>キソク</t>
    </rPh>
    <rPh sb="230" eb="232">
      <t>シュウカン</t>
    </rPh>
    <rPh sb="233" eb="235">
      <t>ロウドウ</t>
    </rPh>
    <rPh sb="235" eb="237">
      <t>ジカン</t>
    </rPh>
    <rPh sb="238" eb="240">
      <t>キサイ</t>
    </rPh>
    <rPh sb="242" eb="244">
      <t>バアイ</t>
    </rPh>
    <rPh sb="247" eb="249">
      <t>トウガイ</t>
    </rPh>
    <rPh sb="249" eb="251">
      <t>ジカン</t>
    </rPh>
    <rPh sb="254" eb="255">
      <t>ジョウ</t>
    </rPh>
    <rPh sb="257" eb="260">
      <t>ジカンスウ</t>
    </rPh>
    <rPh sb="261" eb="262">
      <t>ツキ</t>
    </rPh>
    <rPh sb="263" eb="265">
      <t>シュウロウ</t>
    </rPh>
    <rPh sb="265" eb="267">
      <t>ジカン</t>
    </rPh>
    <rPh sb="275" eb="277">
      <t>コヨウ</t>
    </rPh>
    <rPh sb="362" eb="363">
      <t>スウ</t>
    </rPh>
    <rPh sb="384" eb="385">
      <t>マタ</t>
    </rPh>
    <rPh sb="640" eb="641">
      <t>オモ</t>
    </rPh>
    <rPh sb="642" eb="644">
      <t>シュウロウ</t>
    </rPh>
    <rPh sb="644" eb="647">
      <t>ジカンタイ</t>
    </rPh>
    <rPh sb="651" eb="654">
      <t>ジカンタイ</t>
    </rPh>
    <rPh sb="659" eb="660">
      <t>モット</t>
    </rPh>
    <rPh sb="661" eb="664">
      <t>カノウセイ</t>
    </rPh>
    <rPh sb="665" eb="666">
      <t>タカ</t>
    </rPh>
    <rPh sb="668" eb="670">
      <t>キンム</t>
    </rPh>
    <rPh sb="670" eb="672">
      <t>カイスウ</t>
    </rPh>
    <rPh sb="673" eb="674">
      <t>オオ</t>
    </rPh>
    <rPh sb="676" eb="679">
      <t>ジカンタイ</t>
    </rPh>
    <rPh sb="692" eb="694">
      <t>コヨウ</t>
    </rPh>
    <rPh sb="694" eb="696">
      <t>ケイヤク</t>
    </rPh>
    <rPh sb="696" eb="697">
      <t>ジョウ</t>
    </rPh>
    <rPh sb="703" eb="704">
      <t>トウ</t>
    </rPh>
    <rPh sb="705" eb="706">
      <t>サダ</t>
    </rPh>
    <rPh sb="710" eb="712">
      <t>バアイ</t>
    </rPh>
    <rPh sb="714" eb="716">
      <t>ソウテイ</t>
    </rPh>
    <rPh sb="719" eb="720">
      <t>モット</t>
    </rPh>
    <rPh sb="721" eb="724">
      <t>ヒョウジュンテキ</t>
    </rPh>
    <rPh sb="725" eb="728">
      <t>ジカンタイ</t>
    </rPh>
    <phoneticPr fontId="2"/>
  </si>
  <si>
    <t>№7</t>
    <phoneticPr fontId="2"/>
  </si>
  <si>
    <t>記載不要です。</t>
    <rPh sb="0" eb="4">
      <t>キサイフヨウ</t>
    </rPh>
    <phoneticPr fontId="2"/>
  </si>
  <si>
    <t>№8</t>
    <phoneticPr fontId="2"/>
  </si>
  <si>
    <t>○産前・産後休業の取得について「□取得予定」か「□取得中」にチェック（レ点記入）してください。。
　※法令上の産前・産後休業に限らず法人独自の就業規則等に基づいた休業も含む。
　※終了日が確定していない場合でも終了予定日を記載してください。
　※年の欄は西暦で記載してください。</t>
    <rPh sb="71" eb="73">
      <t>シュウギョウ</t>
    </rPh>
    <rPh sb="73" eb="75">
      <t>キソク</t>
    </rPh>
    <rPh sb="75" eb="76">
      <t>トウ</t>
    </rPh>
    <rPh sb="77" eb="78">
      <t>モト</t>
    </rPh>
    <rPh sb="81" eb="83">
      <t>キュウギョウ</t>
    </rPh>
    <rPh sb="90" eb="93">
      <t>シュウリョウビ</t>
    </rPh>
    <rPh sb="94" eb="96">
      <t>カクテイ</t>
    </rPh>
    <rPh sb="101" eb="103">
      <t>バアイ</t>
    </rPh>
    <rPh sb="105" eb="107">
      <t>シュウリョウ</t>
    </rPh>
    <rPh sb="107" eb="109">
      <t>ヨテイ</t>
    </rPh>
    <phoneticPr fontId="2"/>
  </si>
  <si>
    <t>№9</t>
    <phoneticPr fontId="2"/>
  </si>
  <si>
    <t>○育児休業の取得について「□取得予定」か「□取得中」か「□取得済み」にチェック（レ点記入）してください。。
　※□「取得予定」・「取得中」の場合は「追加的記載項目欄①」も記載してください。
　※法令上の育児休業に限らず法人独自の就業規則等に基づいた休業も含む。
　※終期が確定していない場合でも終了予定日を記載してください。
　※取得済みの場合は取得実績を記載してください。
　</t>
    <rPh sb="31" eb="32">
      <t>ズ</t>
    </rPh>
    <rPh sb="58" eb="62">
      <t>シュトクヨテイ</t>
    </rPh>
    <rPh sb="65" eb="68">
      <t>シュトクチュウ</t>
    </rPh>
    <rPh sb="70" eb="72">
      <t>バアイ</t>
    </rPh>
    <rPh sb="74" eb="81">
      <t>ツイカテキキサイコウモク</t>
    </rPh>
    <rPh sb="81" eb="82">
      <t>ラン</t>
    </rPh>
    <rPh sb="173" eb="175">
      <t>シュトク</t>
    </rPh>
    <phoneticPr fontId="2"/>
  </si>
  <si>
    <t>No.10</t>
    <phoneticPr fontId="2"/>
  </si>
  <si>
    <t>○産休・育休以外の休業の取得について「□取得予定」か「□取得中」か「□取得済み」にチェックしてください。。
　※法令上の休業に限らず法人独自の就業規則等に基づいた休業も含む。
　※終期が確定していない場合でも終了予定日を記載してください。
　※取得済みの場合は取得実績（取得期間」については記載不要です。
　※年の欄は西暦で記載してください。
○産休・育休以外の休業の取得理由についてチェック（レ点記入）してください。</t>
    <rPh sb="1" eb="3">
      <t>サンキュウ</t>
    </rPh>
    <rPh sb="4" eb="6">
      <t>イクキュウ</t>
    </rPh>
    <rPh sb="6" eb="8">
      <t>イガイ</t>
    </rPh>
    <rPh sb="37" eb="38">
      <t>ズ</t>
    </rPh>
    <rPh sb="130" eb="132">
      <t>シュトク</t>
    </rPh>
    <rPh sb="132" eb="134">
      <t>ジッセキ</t>
    </rPh>
    <rPh sb="135" eb="139">
      <t>シュトクキカン</t>
    </rPh>
    <rPh sb="145" eb="147">
      <t>キサイ</t>
    </rPh>
    <rPh sb="147" eb="149">
      <t>フヨウ</t>
    </rPh>
    <rPh sb="187" eb="189">
      <t>リユウ</t>
    </rPh>
    <phoneticPr fontId="2"/>
  </si>
  <si>
    <t>№11</t>
    <phoneticPr fontId="2"/>
  </si>
  <si>
    <t>復職（予定）年月日</t>
    <phoneticPr fontId="2"/>
  </si>
  <si>
    <t>No.12</t>
    <phoneticPr fontId="2"/>
  </si>
  <si>
    <t>○育児のための短時間勤務制度の利用により、就業規則上の通常の就労時間（No.６に記載の時間）より短い就労時間（就業規則上の特則等いわゆる時短勤務）とする予定である又はしている場合について、「□取得予定」か「□取得中」かにチェック（レ点記入）してください。。
○当該短時間勤務制度の利用（予定）期間及び当該短時間勤務制度利用時の主な就労時間帯（勤務体制変更後の就労時間帯）について記載してください。
　※No.６には短時間勤務制度利用前の就労時間帯、No.12には短時間勤務制度利用後の就労時間帯を記載してください。
　※年の欄は西暦で記載してください。
　※「□取得予定」・「□取得中」の場合は「追加的記載項目②」も記載してください。</t>
    <rPh sb="1" eb="3">
      <t>イクジ</t>
    </rPh>
    <rPh sb="7" eb="10">
      <t>タンジカン</t>
    </rPh>
    <rPh sb="10" eb="12">
      <t>キンム</t>
    </rPh>
    <rPh sb="12" eb="14">
      <t>セイド</t>
    </rPh>
    <rPh sb="15" eb="17">
      <t>リヨウ</t>
    </rPh>
    <rPh sb="21" eb="23">
      <t>シュウギョウ</t>
    </rPh>
    <rPh sb="23" eb="25">
      <t>キソク</t>
    </rPh>
    <rPh sb="25" eb="26">
      <t>ジョウ</t>
    </rPh>
    <rPh sb="27" eb="29">
      <t>ツウジョウ</t>
    </rPh>
    <rPh sb="30" eb="32">
      <t>シュウロウ</t>
    </rPh>
    <rPh sb="32" eb="34">
      <t>ジカン</t>
    </rPh>
    <rPh sb="39" eb="41">
      <t>キサイ</t>
    </rPh>
    <rPh sb="42" eb="44">
      <t>ジカン</t>
    </rPh>
    <rPh sb="47" eb="48">
      <t>ミジカ</t>
    </rPh>
    <rPh sb="49" eb="51">
      <t>シュウロウ</t>
    </rPh>
    <rPh sb="51" eb="53">
      <t>ジカン</t>
    </rPh>
    <rPh sb="54" eb="56">
      <t>シュウギョウ</t>
    </rPh>
    <rPh sb="56" eb="58">
      <t>キソク</t>
    </rPh>
    <rPh sb="58" eb="59">
      <t>ジョウ</t>
    </rPh>
    <rPh sb="60" eb="62">
      <t>トクソク</t>
    </rPh>
    <rPh sb="62" eb="63">
      <t>トウ</t>
    </rPh>
    <rPh sb="67" eb="69">
      <t>ジタン</t>
    </rPh>
    <rPh sb="69" eb="71">
      <t>キンム</t>
    </rPh>
    <rPh sb="75" eb="77">
      <t>ヨテイ</t>
    </rPh>
    <rPh sb="80" eb="81">
      <t>マタ</t>
    </rPh>
    <rPh sb="86" eb="88">
      <t>バアイ</t>
    </rPh>
    <rPh sb="115" eb="116">
      <t>テン</t>
    </rPh>
    <rPh sb="116" eb="118">
      <t>キニュウ</t>
    </rPh>
    <rPh sb="130" eb="132">
      <t>トウガイ</t>
    </rPh>
    <rPh sb="132" eb="135">
      <t>タンジカン</t>
    </rPh>
    <rPh sb="135" eb="137">
      <t>キンム</t>
    </rPh>
    <rPh sb="137" eb="139">
      <t>セイド</t>
    </rPh>
    <rPh sb="140" eb="142">
      <t>リヨウ</t>
    </rPh>
    <rPh sb="143" eb="145">
      <t>ヨテイ</t>
    </rPh>
    <rPh sb="146" eb="148">
      <t>キカン</t>
    </rPh>
    <rPh sb="148" eb="149">
      <t>オヨ</t>
    </rPh>
    <rPh sb="150" eb="152">
      <t>トウガイ</t>
    </rPh>
    <rPh sb="152" eb="155">
      <t>タンジカン</t>
    </rPh>
    <rPh sb="155" eb="157">
      <t>キンム</t>
    </rPh>
    <rPh sb="157" eb="159">
      <t>セイド</t>
    </rPh>
    <rPh sb="159" eb="161">
      <t>リヨウ</t>
    </rPh>
    <rPh sb="161" eb="162">
      <t>ジ</t>
    </rPh>
    <rPh sb="163" eb="164">
      <t>オモ</t>
    </rPh>
    <rPh sb="165" eb="167">
      <t>シュウロウ</t>
    </rPh>
    <rPh sb="167" eb="170">
      <t>ジカンタイ</t>
    </rPh>
    <rPh sb="171" eb="173">
      <t>キンム</t>
    </rPh>
    <rPh sb="173" eb="175">
      <t>タイセイ</t>
    </rPh>
    <rPh sb="175" eb="177">
      <t>ヘンコウ</t>
    </rPh>
    <rPh sb="177" eb="178">
      <t>ゴ</t>
    </rPh>
    <rPh sb="179" eb="181">
      <t>シュウロウ</t>
    </rPh>
    <rPh sb="181" eb="184">
      <t>ジカンタイ</t>
    </rPh>
    <rPh sb="189" eb="191">
      <t>キサイ</t>
    </rPh>
    <rPh sb="207" eb="210">
      <t>タンジカン</t>
    </rPh>
    <rPh sb="210" eb="212">
      <t>キンム</t>
    </rPh>
    <rPh sb="212" eb="214">
      <t>セイド</t>
    </rPh>
    <rPh sb="214" eb="216">
      <t>リヨウ</t>
    </rPh>
    <rPh sb="216" eb="217">
      <t>マエ</t>
    </rPh>
    <rPh sb="218" eb="220">
      <t>シュウロウ</t>
    </rPh>
    <rPh sb="220" eb="223">
      <t>ジカンタイ</t>
    </rPh>
    <rPh sb="231" eb="234">
      <t>タンジカン</t>
    </rPh>
    <rPh sb="234" eb="236">
      <t>キンム</t>
    </rPh>
    <rPh sb="236" eb="238">
      <t>セイド</t>
    </rPh>
    <rPh sb="238" eb="240">
      <t>リヨウ</t>
    </rPh>
    <rPh sb="240" eb="241">
      <t>アト</t>
    </rPh>
    <rPh sb="242" eb="244">
      <t>シュウロウ</t>
    </rPh>
    <rPh sb="244" eb="247">
      <t>ジカンタイ</t>
    </rPh>
    <rPh sb="260" eb="261">
      <t>ネン</t>
    </rPh>
    <rPh sb="262" eb="263">
      <t>ラン</t>
    </rPh>
    <rPh sb="264" eb="266">
      <t>セイレキ</t>
    </rPh>
    <rPh sb="267" eb="269">
      <t>キサイ</t>
    </rPh>
    <rPh sb="282" eb="286">
      <t>シュトクヨテイ</t>
    </rPh>
    <rPh sb="290" eb="293">
      <t>シュトクチュウ</t>
    </rPh>
    <rPh sb="295" eb="297">
      <t>バアイ</t>
    </rPh>
    <rPh sb="299" eb="306">
      <t>ツイカテキキサイコウモク</t>
    </rPh>
    <phoneticPr fontId="2"/>
  </si>
  <si>
    <t>№13</t>
    <phoneticPr fontId="2"/>
  </si>
  <si>
    <t xml:space="preserve">
○保育士、幼稚園教諭、保育教諭としての勤務実態の有無について「□有」、「□有予定」、「□無」にチェック（レ点記入）してください。。</t>
    <rPh sb="20" eb="22">
      <t>キンム</t>
    </rPh>
    <rPh sb="22" eb="24">
      <t>ジッタイ</t>
    </rPh>
    <rPh sb="25" eb="27">
      <t>ウム</t>
    </rPh>
    <rPh sb="33" eb="34">
      <t>アリ</t>
    </rPh>
    <rPh sb="38" eb="39">
      <t>アリ</t>
    </rPh>
    <rPh sb="39" eb="41">
      <t>ヨテイ</t>
    </rPh>
    <rPh sb="45" eb="46">
      <t>ナ</t>
    </rPh>
    <rPh sb="54" eb="55">
      <t>テン</t>
    </rPh>
    <rPh sb="55" eb="57">
      <t>キニュウ</t>
    </rPh>
    <phoneticPr fontId="2"/>
  </si>
  <si>
    <t>No.14</t>
    <phoneticPr fontId="2"/>
  </si>
  <si>
    <t xml:space="preserve">○No.６に記載の就労時間帯につき、出退勤時間の特例（就業規則上の就労時間帯の15分前に出勤しなければならない等）等、記載時間帯を超えて拘束時間が生じている場合には、その旨、この欄に記載してください。
○No.９の育児休業及びNo.10の産休・育休以外の休業の取得実績等について追加記載が必要な場合は、この欄に記載してください。
○その他特記事項があれば、この欄に記載してください。
</t>
    <rPh sb="6" eb="8">
      <t>キサイ</t>
    </rPh>
    <rPh sb="9" eb="11">
      <t>シュウロウ</t>
    </rPh>
    <rPh sb="11" eb="14">
      <t>ジカンタイ</t>
    </rPh>
    <rPh sb="18" eb="21">
      <t>シュッタイキン</t>
    </rPh>
    <rPh sb="21" eb="23">
      <t>ジカン</t>
    </rPh>
    <rPh sb="24" eb="26">
      <t>トクレイ</t>
    </rPh>
    <rPh sb="27" eb="29">
      <t>シュウギョウ</t>
    </rPh>
    <rPh sb="29" eb="31">
      <t>キソク</t>
    </rPh>
    <rPh sb="31" eb="32">
      <t>ジョウ</t>
    </rPh>
    <rPh sb="33" eb="35">
      <t>シュウロウ</t>
    </rPh>
    <rPh sb="35" eb="38">
      <t>ジカンタイ</t>
    </rPh>
    <rPh sb="41" eb="43">
      <t>フンマエ</t>
    </rPh>
    <rPh sb="44" eb="46">
      <t>シュッキン</t>
    </rPh>
    <rPh sb="55" eb="56">
      <t>トウ</t>
    </rPh>
    <rPh sb="57" eb="58">
      <t>ナド</t>
    </rPh>
    <rPh sb="59" eb="61">
      <t>キサイ</t>
    </rPh>
    <rPh sb="61" eb="64">
      <t>ジカンタイ</t>
    </rPh>
    <rPh sb="65" eb="66">
      <t>コ</t>
    </rPh>
    <rPh sb="68" eb="70">
      <t>コウソク</t>
    </rPh>
    <rPh sb="70" eb="72">
      <t>ジカン</t>
    </rPh>
    <rPh sb="73" eb="74">
      <t>ショウ</t>
    </rPh>
    <rPh sb="78" eb="80">
      <t>バアイ</t>
    </rPh>
    <rPh sb="89" eb="90">
      <t>ラン</t>
    </rPh>
    <rPh sb="106" eb="108">
      <t>イクジ</t>
    </rPh>
    <rPh sb="108" eb="110">
      <t>キュウギョウ</t>
    </rPh>
    <rPh sb="110" eb="111">
      <t>オヨ</t>
    </rPh>
    <rPh sb="118" eb="120">
      <t>サンキュウ</t>
    </rPh>
    <rPh sb="121" eb="123">
      <t>イクキュウ</t>
    </rPh>
    <rPh sb="123" eb="125">
      <t>イガイ</t>
    </rPh>
    <rPh sb="126" eb="128">
      <t>キュウギョウ</t>
    </rPh>
    <rPh sb="129" eb="131">
      <t>シュトク</t>
    </rPh>
    <rPh sb="131" eb="133">
      <t>ジッセキ</t>
    </rPh>
    <rPh sb="133" eb="134">
      <t>トウ</t>
    </rPh>
    <rPh sb="138" eb="140">
      <t>ツイカ</t>
    </rPh>
    <rPh sb="140" eb="142">
      <t>キサイ</t>
    </rPh>
    <rPh sb="143" eb="145">
      <t>ヒツヨウ</t>
    </rPh>
    <rPh sb="146" eb="148">
      <t>バアイ</t>
    </rPh>
    <rPh sb="152" eb="153">
      <t>ラン</t>
    </rPh>
    <rPh sb="167" eb="168">
      <t>タ</t>
    </rPh>
    <rPh sb="168" eb="170">
      <t>トッキ</t>
    </rPh>
    <rPh sb="170" eb="172">
      <t>ジコウ</t>
    </rPh>
    <rPh sb="179" eb="180">
      <t>ラン</t>
    </rPh>
    <phoneticPr fontId="2"/>
  </si>
  <si>
    <t>◯①「No.  9：育児休業の取得」が「□取得予定」・「□取得中」の場合は　内定後の育児休業の短縮の可否を選択
◯②「No.12：育児のための短時間勤務制度有無」が「□取得予定」・「□取得中」の場合は、短時間勤務制度利用時の月の合計就労時間を記載してくださ
         い。　　※休憩を含み、残業を除く</t>
    <rPh sb="10" eb="14">
      <t>イクジキュウギョウ</t>
    </rPh>
    <rPh sb="15" eb="17">
      <t>シュトク</t>
    </rPh>
    <rPh sb="21" eb="25">
      <t>シュトクヨテイ</t>
    </rPh>
    <rPh sb="28" eb="31">
      <t>シカクシュトク</t>
    </rPh>
    <rPh sb="31" eb="32">
      <t>ナカ</t>
    </rPh>
    <rPh sb="34" eb="36">
      <t>バアイ</t>
    </rPh>
    <rPh sb="38" eb="41">
      <t>ナイテイゴ</t>
    </rPh>
    <rPh sb="42" eb="46">
      <t>イクジキュウギョウ</t>
    </rPh>
    <rPh sb="47" eb="49">
      <t>タンシュク</t>
    </rPh>
    <rPh sb="50" eb="52">
      <t>カヒ</t>
    </rPh>
    <rPh sb="53" eb="55">
      <t>センタク</t>
    </rPh>
    <rPh sb="65" eb="67">
      <t>イクジ</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_ "/>
    <numFmt numFmtId="177" formatCode="0_);[Red]\(0\)"/>
  </numFmts>
  <fonts count="48">
    <font>
      <sz val="11"/>
      <color theme="1"/>
      <name val="ＭＳ Ｐゴシック"/>
      <family val="2"/>
      <charset val="128"/>
      <scheme val="minor"/>
    </font>
    <font>
      <sz val="11"/>
      <color theme="1"/>
      <name val="Meiryo UI"/>
      <family val="2"/>
      <charset val="128"/>
    </font>
    <font>
      <sz val="6"/>
      <name val="ＭＳ Ｐゴシック"/>
      <family val="2"/>
      <charset val="128"/>
      <scheme val="minor"/>
    </font>
    <font>
      <sz val="11"/>
      <color theme="1"/>
      <name val="ＭＳ Ｐゴシック"/>
      <family val="2"/>
      <scheme val="minor"/>
    </font>
    <font>
      <sz val="11"/>
      <color theme="1"/>
      <name val="ＭＳ Ｐゴシック"/>
      <family val="2"/>
      <charset val="128"/>
      <scheme val="minor"/>
    </font>
    <font>
      <u/>
      <sz val="11"/>
      <color theme="10"/>
      <name val="ＭＳ Ｐゴシック"/>
      <family val="2"/>
      <charset val="128"/>
      <scheme val="minor"/>
    </font>
    <font>
      <b/>
      <sz val="22"/>
      <name val="ＭＳ Ｐゴシック"/>
      <family val="3"/>
      <charset val="128"/>
    </font>
    <font>
      <sz val="11"/>
      <name val="ＭＳ Ｐゴシック"/>
      <family val="3"/>
      <charset val="128"/>
    </font>
    <font>
      <b/>
      <sz val="18"/>
      <name val="ＭＳ Ｐゴシック"/>
      <family val="3"/>
      <charset val="128"/>
    </font>
    <font>
      <sz val="18"/>
      <name val="ＭＳ Ｐゴシック"/>
      <family val="3"/>
      <charset val="128"/>
    </font>
    <font>
      <sz val="18"/>
      <color theme="1"/>
      <name val="ＭＳ Ｐゴシック"/>
      <family val="3"/>
      <charset val="128"/>
    </font>
    <font>
      <sz val="14"/>
      <color theme="1"/>
      <name val="ＭＳ Ｐゴシック"/>
      <family val="3"/>
      <charset val="128"/>
    </font>
    <font>
      <sz val="10"/>
      <color theme="1"/>
      <name val="ＭＳ Ｐゴシック"/>
      <family val="3"/>
      <charset val="128"/>
    </font>
    <font>
      <sz val="10"/>
      <name val="ＭＳ Ｐゴシック"/>
      <family val="3"/>
      <charset val="128"/>
    </font>
    <font>
      <b/>
      <sz val="14"/>
      <name val="ＭＳ Ｐゴシック"/>
      <family val="3"/>
      <charset val="128"/>
    </font>
    <font>
      <sz val="14"/>
      <name val="ＭＳ Ｐゴシック"/>
      <family val="3"/>
      <charset val="128"/>
    </font>
    <font>
      <sz val="12"/>
      <color theme="1"/>
      <name val="ＭＳ Ｐゴシック"/>
      <family val="3"/>
      <charset val="128"/>
    </font>
    <font>
      <sz val="14"/>
      <color rgb="FF0070C0"/>
      <name val="ＭＳ Ｐゴシック"/>
      <family val="3"/>
      <charset val="128"/>
    </font>
    <font>
      <b/>
      <u val="double"/>
      <sz val="14"/>
      <color rgb="FFFF0000"/>
      <name val="ＭＳ Ｐゴシック"/>
      <family val="3"/>
      <charset val="128"/>
    </font>
    <font>
      <sz val="16"/>
      <name val="ＭＳ Ｐゴシック"/>
      <family val="3"/>
      <charset val="128"/>
    </font>
    <font>
      <sz val="14"/>
      <color indexed="8"/>
      <name val="ＭＳ Ｐゴシック"/>
      <family val="3"/>
      <charset val="128"/>
    </font>
    <font>
      <sz val="12"/>
      <color indexed="8"/>
      <name val="ＭＳ Ｐゴシック"/>
      <family val="3"/>
      <charset val="128"/>
    </font>
    <font>
      <sz val="11"/>
      <color theme="1"/>
      <name val="ＭＳ Ｐゴシック"/>
      <family val="3"/>
      <charset val="128"/>
    </font>
    <font>
      <sz val="12"/>
      <name val="ＭＳ Ｐゴシック"/>
      <family val="3"/>
      <charset val="128"/>
    </font>
    <font>
      <b/>
      <sz val="18"/>
      <color indexed="8"/>
      <name val="ＭＳ Ｐゴシック"/>
      <family val="3"/>
      <charset val="128"/>
    </font>
    <font>
      <b/>
      <sz val="12"/>
      <name val="ＭＳ Ｐゴシック"/>
      <family val="3"/>
      <charset val="128"/>
    </font>
    <font>
      <sz val="12"/>
      <color rgb="FF000000"/>
      <name val="ＭＳ Ｐゴシック"/>
      <family val="3"/>
      <charset val="128"/>
    </font>
    <font>
      <sz val="9"/>
      <color theme="1"/>
      <name val="ＭＳ Ｐゴシック"/>
      <family val="3"/>
      <charset val="128"/>
    </font>
    <font>
      <sz val="14"/>
      <color theme="1"/>
      <name val="ＭＳ Ｐゴシック"/>
      <family val="3"/>
      <charset val="128"/>
      <scheme val="minor"/>
    </font>
    <font>
      <b/>
      <sz val="14"/>
      <color theme="1"/>
      <name val="ＭＳ Ｐゴシック"/>
      <family val="3"/>
      <charset val="128"/>
      <scheme val="minor"/>
    </font>
    <font>
      <b/>
      <u/>
      <sz val="11"/>
      <color theme="0"/>
      <name val="ＭＳ Ｐゴシック"/>
      <family val="3"/>
      <charset val="128"/>
      <scheme val="minor"/>
    </font>
    <font>
      <u/>
      <sz val="10"/>
      <color theme="1"/>
      <name val="ＭＳ Ｐゴシック"/>
      <family val="3"/>
      <charset val="128"/>
    </font>
    <font>
      <u/>
      <sz val="14"/>
      <color theme="1"/>
      <name val="ＭＳ Ｐゴシック"/>
      <family val="3"/>
      <charset val="128"/>
      <scheme val="minor"/>
    </font>
    <font>
      <u/>
      <sz val="14"/>
      <name val="ＭＳ Ｐゴシック"/>
      <family val="3"/>
      <charset val="128"/>
    </font>
    <font>
      <sz val="24"/>
      <color indexed="81"/>
      <name val="MS P ゴシック"/>
      <family val="3"/>
      <charset val="128"/>
    </font>
    <font>
      <b/>
      <sz val="24"/>
      <color indexed="10"/>
      <name val="MS P ゴシック"/>
      <family val="3"/>
      <charset val="128"/>
    </font>
    <font>
      <b/>
      <sz val="14"/>
      <color indexed="10"/>
      <name val="MS P ゴシック"/>
      <family val="3"/>
      <charset val="128"/>
    </font>
    <font>
      <b/>
      <sz val="26"/>
      <color theme="1"/>
      <name val="ＭＳ Ｐゴシック"/>
      <family val="3"/>
      <charset val="128"/>
      <scheme val="minor"/>
    </font>
    <font>
      <b/>
      <sz val="36"/>
      <color theme="1"/>
      <name val="ＭＳ Ｐゴシック"/>
      <family val="3"/>
      <charset val="128"/>
      <scheme val="minor"/>
    </font>
    <font>
      <sz val="26"/>
      <color theme="1"/>
      <name val="ＭＳ Ｐゴシック"/>
      <family val="2"/>
      <charset val="128"/>
      <scheme val="minor"/>
    </font>
    <font>
      <u val="double"/>
      <sz val="26"/>
      <color theme="1"/>
      <name val="ＭＳ Ｐゴシック"/>
      <family val="3"/>
      <charset val="128"/>
      <scheme val="minor"/>
    </font>
    <font>
      <b/>
      <u val="double"/>
      <sz val="26"/>
      <color theme="1"/>
      <name val="ＭＳ Ｐゴシック"/>
      <family val="3"/>
      <charset val="128"/>
      <scheme val="minor"/>
    </font>
    <font>
      <sz val="26"/>
      <color theme="1"/>
      <name val="ＭＳ Ｐゴシック"/>
      <family val="3"/>
      <charset val="128"/>
      <scheme val="minor"/>
    </font>
    <font>
      <sz val="20"/>
      <color theme="1"/>
      <name val="ＭＳ Ｐゴシック"/>
      <family val="3"/>
      <charset val="128"/>
      <scheme val="minor"/>
    </font>
    <font>
      <b/>
      <u val="double"/>
      <sz val="20"/>
      <color theme="1"/>
      <name val="ＭＳ Ｐゴシック"/>
      <family val="3"/>
      <charset val="128"/>
      <scheme val="minor"/>
    </font>
    <font>
      <b/>
      <sz val="18"/>
      <color theme="1"/>
      <name val="ＭＳ Ｐゴシック"/>
      <family val="3"/>
      <charset val="128"/>
      <scheme val="minor"/>
    </font>
    <font>
      <sz val="19.5"/>
      <color theme="1"/>
      <name val="ＭＳ Ｐゴシック"/>
      <family val="3"/>
      <charset val="128"/>
      <scheme val="minor"/>
    </font>
    <font>
      <b/>
      <u val="double"/>
      <sz val="19.5"/>
      <color theme="1"/>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rgb="FFFFFFF0"/>
        <bgColor indexed="64"/>
      </patternFill>
    </fill>
    <fill>
      <patternFill patternType="solid">
        <fgColor rgb="FFFFFFFF"/>
        <bgColor indexed="64"/>
      </patternFill>
    </fill>
    <fill>
      <patternFill patternType="solid">
        <fgColor theme="0" tint="-0.499984740745262"/>
        <bgColor indexed="64"/>
      </patternFill>
    </fill>
    <fill>
      <patternFill patternType="solid">
        <fgColor theme="9" tint="0.79998168889431442"/>
        <bgColor indexed="64"/>
      </patternFill>
    </fill>
    <fill>
      <patternFill patternType="solid">
        <fgColor theme="1" tint="0.499984740745262"/>
        <bgColor indexed="64"/>
      </patternFill>
    </fill>
  </fills>
  <borders count="85">
    <border>
      <left/>
      <right/>
      <top/>
      <bottom/>
      <diagonal/>
    </border>
    <border>
      <left/>
      <right/>
      <top/>
      <bottom style="thin">
        <color auto="1"/>
      </bottom>
      <diagonal/>
    </border>
    <border>
      <left/>
      <right style="medium">
        <color auto="1"/>
      </right>
      <top/>
      <bottom/>
      <diagonal/>
    </border>
    <border>
      <left style="thin">
        <color auto="1"/>
      </left>
      <right/>
      <top style="medium">
        <color auto="1"/>
      </top>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right style="thin">
        <color auto="1"/>
      </right>
      <top style="medium">
        <color auto="1"/>
      </top>
      <bottom/>
      <diagonal/>
    </border>
    <border>
      <left style="medium">
        <color auto="1"/>
      </left>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diagonal/>
    </border>
    <border>
      <left style="medium">
        <color auto="1"/>
      </left>
      <right style="medium">
        <color auto="1"/>
      </right>
      <top/>
      <bottom/>
      <diagonal/>
    </border>
    <border>
      <left style="medium">
        <color auto="1"/>
      </left>
      <right style="medium">
        <color auto="1"/>
      </right>
      <top/>
      <bottom style="medium">
        <color auto="1"/>
      </bottom>
      <diagonal/>
    </border>
    <border>
      <left/>
      <right style="thin">
        <color auto="1"/>
      </right>
      <top style="medium">
        <color auto="1"/>
      </top>
      <bottom style="thin">
        <color indexed="64"/>
      </bottom>
      <diagonal/>
    </border>
    <border>
      <left style="medium">
        <color auto="1"/>
      </left>
      <right/>
      <top style="thin">
        <color auto="1"/>
      </top>
      <bottom style="medium">
        <color auto="1"/>
      </bottom>
      <diagonal/>
    </border>
    <border>
      <left style="medium">
        <color auto="1"/>
      </left>
      <right/>
      <top style="thin">
        <color auto="1"/>
      </top>
      <bottom/>
      <diagonal/>
    </border>
    <border>
      <left/>
      <right/>
      <top style="thin">
        <color auto="1"/>
      </top>
      <bottom/>
      <diagonal/>
    </border>
    <border>
      <left style="thin">
        <color indexed="8"/>
      </left>
      <right/>
      <top style="medium">
        <color auto="1"/>
      </top>
      <bottom style="thin">
        <color auto="1"/>
      </bottom>
      <diagonal/>
    </border>
    <border>
      <left/>
      <right/>
      <top style="thin">
        <color auto="1"/>
      </top>
      <bottom style="thin">
        <color indexed="64"/>
      </bottom>
      <diagonal/>
    </border>
    <border>
      <left/>
      <right style="medium">
        <color auto="1"/>
      </right>
      <top style="thin">
        <color auto="1"/>
      </top>
      <bottom style="thin">
        <color indexed="64"/>
      </bottom>
      <diagonal/>
    </border>
    <border>
      <left style="medium">
        <color auto="1"/>
      </left>
      <right style="medium">
        <color auto="1"/>
      </right>
      <top style="medium">
        <color auto="1"/>
      </top>
      <bottom style="medium">
        <color auto="1"/>
      </bottom>
      <diagonal/>
    </border>
    <border>
      <left style="medium">
        <color auto="1"/>
      </left>
      <right style="thin">
        <color auto="1"/>
      </right>
      <top style="medium">
        <color auto="1"/>
      </top>
      <bottom style="medium">
        <color auto="1"/>
      </bottom>
      <diagonal/>
    </border>
    <border>
      <left style="thin">
        <color auto="1"/>
      </left>
      <right style="thin">
        <color auto="1"/>
      </right>
      <top style="medium">
        <color auto="1"/>
      </top>
      <bottom style="medium">
        <color auto="1"/>
      </bottom>
      <diagonal/>
    </border>
    <border>
      <left style="thin">
        <color auto="1"/>
      </left>
      <right/>
      <top style="medium">
        <color auto="1"/>
      </top>
      <bottom style="medium">
        <color auto="1"/>
      </bottom>
      <diagonal/>
    </border>
    <border>
      <left style="thin">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thin">
        <color auto="1"/>
      </top>
      <bottom style="medium">
        <color auto="1"/>
      </bottom>
      <diagonal/>
    </border>
    <border>
      <left/>
      <right style="medium">
        <color auto="1"/>
      </right>
      <top style="thin">
        <color auto="1"/>
      </top>
      <bottom style="medium">
        <color auto="1"/>
      </bottom>
      <diagonal/>
    </border>
    <border>
      <left style="medium">
        <color auto="1"/>
      </left>
      <right/>
      <top style="thin">
        <color auto="1"/>
      </top>
      <bottom style="thin">
        <color auto="1"/>
      </bottom>
      <diagonal/>
    </border>
    <border>
      <left/>
      <right style="thin">
        <color auto="1"/>
      </right>
      <top style="thin">
        <color auto="1"/>
      </top>
      <bottom style="thin">
        <color auto="1"/>
      </bottom>
      <diagonal/>
    </border>
    <border>
      <left style="thin">
        <color auto="1"/>
      </left>
      <right/>
      <top style="thin">
        <color auto="1"/>
      </top>
      <bottom style="thin">
        <color auto="1"/>
      </bottom>
      <diagonal/>
    </border>
    <border>
      <left style="medium">
        <color auto="1"/>
      </left>
      <right/>
      <top style="medium">
        <color auto="1"/>
      </top>
      <bottom style="thin">
        <color auto="1"/>
      </bottom>
      <diagonal/>
    </border>
    <border>
      <left style="thin">
        <color auto="1"/>
      </left>
      <right/>
      <top style="medium">
        <color auto="1"/>
      </top>
      <bottom style="thin">
        <color auto="1"/>
      </bottom>
      <diagonal/>
    </border>
    <border>
      <left style="thin">
        <color indexed="8"/>
      </left>
      <right/>
      <top style="thin">
        <color auto="1"/>
      </top>
      <bottom style="medium">
        <color auto="1"/>
      </bottom>
      <diagonal/>
    </border>
    <border>
      <left style="thin">
        <color auto="1"/>
      </left>
      <right/>
      <top/>
      <bottom style="thin">
        <color auto="1"/>
      </bottom>
      <diagonal/>
    </border>
    <border>
      <left/>
      <right style="medium">
        <color auto="1"/>
      </right>
      <top/>
      <bottom style="thin">
        <color auto="1"/>
      </bottom>
      <diagonal/>
    </border>
    <border>
      <left/>
      <right/>
      <top/>
      <bottom style="thin">
        <color indexed="8"/>
      </bottom>
      <diagonal/>
    </border>
    <border>
      <left style="thin">
        <color auto="1"/>
      </left>
      <right/>
      <top/>
      <bottom/>
      <diagonal/>
    </border>
    <border>
      <left/>
      <right style="thin">
        <color indexed="8"/>
      </right>
      <top style="thin">
        <color indexed="8"/>
      </top>
      <bottom style="medium">
        <color auto="1"/>
      </bottom>
      <diagonal/>
    </border>
    <border>
      <left style="thin">
        <color auto="1"/>
      </left>
      <right/>
      <top style="thin">
        <color indexed="8"/>
      </top>
      <bottom style="medium">
        <color auto="1"/>
      </bottom>
      <diagonal/>
    </border>
    <border>
      <left/>
      <right/>
      <top style="thin">
        <color indexed="8"/>
      </top>
      <bottom style="medium">
        <color auto="1"/>
      </bottom>
      <diagonal/>
    </border>
    <border>
      <left/>
      <right style="medium">
        <color auto="1"/>
      </right>
      <top style="thin">
        <color indexed="8"/>
      </top>
      <bottom style="medium">
        <color auto="1"/>
      </bottom>
      <diagonal/>
    </border>
    <border>
      <left/>
      <right/>
      <top style="thin">
        <color indexed="8"/>
      </top>
      <bottom style="thin">
        <color indexed="8"/>
      </bottom>
      <diagonal/>
    </border>
    <border>
      <left/>
      <right/>
      <top style="thin">
        <color indexed="8"/>
      </top>
      <bottom/>
      <diagonal/>
    </border>
    <border>
      <left style="thin">
        <color auto="1"/>
      </left>
      <right style="thin">
        <color auto="1"/>
      </right>
      <top style="thin">
        <color auto="1"/>
      </top>
      <bottom style="thin">
        <color auto="1"/>
      </bottom>
      <diagonal/>
    </border>
    <border>
      <left/>
      <right style="thin">
        <color auto="1"/>
      </right>
      <top style="thin">
        <color auto="1"/>
      </top>
      <bottom style="medium">
        <color auto="1"/>
      </bottom>
      <diagonal/>
    </border>
    <border>
      <left style="thin">
        <color auto="1"/>
      </left>
      <right/>
      <top style="thin">
        <color auto="1"/>
      </top>
      <bottom style="medium">
        <color auto="1"/>
      </bottom>
      <diagonal/>
    </border>
    <border>
      <left style="medium">
        <color auto="1"/>
      </left>
      <right/>
      <top style="hair">
        <color indexed="64"/>
      </top>
      <bottom style="medium">
        <color auto="1"/>
      </bottom>
      <diagonal/>
    </border>
    <border>
      <left/>
      <right/>
      <top style="hair">
        <color indexed="64"/>
      </top>
      <bottom style="medium">
        <color auto="1"/>
      </bottom>
      <diagonal/>
    </border>
    <border>
      <left/>
      <right style="medium">
        <color auto="1"/>
      </right>
      <top style="hair">
        <color indexed="64"/>
      </top>
      <bottom style="medium">
        <color auto="1"/>
      </bottom>
      <diagonal/>
    </border>
    <border>
      <left style="medium">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style="thin">
        <color auto="1"/>
      </left>
      <right style="thin">
        <color auto="1"/>
      </right>
      <top/>
      <bottom style="thin">
        <color auto="1"/>
      </bottom>
      <diagonal/>
    </border>
    <border>
      <left style="thin">
        <color auto="1"/>
      </left>
      <right/>
      <top style="thin">
        <color auto="1"/>
      </top>
      <bottom/>
      <diagonal/>
    </border>
    <border>
      <left/>
      <right style="thin">
        <color auto="1"/>
      </right>
      <top style="thin">
        <color auto="1"/>
      </top>
      <bottom/>
      <diagonal/>
    </border>
    <border>
      <left/>
      <right style="thin">
        <color auto="1"/>
      </right>
      <top/>
      <bottom style="thin">
        <color auto="1"/>
      </bottom>
      <diagonal/>
    </border>
    <border>
      <left style="medium">
        <color auto="1"/>
      </left>
      <right style="thin">
        <color auto="1"/>
      </right>
      <top style="medium">
        <color auto="1"/>
      </top>
      <bottom style="thin">
        <color auto="1"/>
      </bottom>
      <diagonal/>
    </border>
    <border>
      <left style="thin">
        <color auto="1"/>
      </left>
      <right style="thin">
        <color auto="1"/>
      </right>
      <top style="medium">
        <color auto="1"/>
      </top>
      <bottom style="thin">
        <color auto="1"/>
      </bottom>
      <diagonal/>
    </border>
    <border>
      <left style="thin">
        <color indexed="8"/>
      </left>
      <right/>
      <top/>
      <bottom style="thin">
        <color auto="1"/>
      </bottom>
      <diagonal/>
    </border>
    <border>
      <left style="thin">
        <color theme="1"/>
      </left>
      <right/>
      <top style="medium">
        <color auto="1"/>
      </top>
      <bottom/>
      <diagonal/>
    </border>
    <border>
      <left/>
      <right style="thin">
        <color indexed="8"/>
      </right>
      <top style="medium">
        <color auto="1"/>
      </top>
      <bottom/>
      <diagonal/>
    </border>
    <border>
      <left style="thin">
        <color theme="1"/>
      </left>
      <right/>
      <top/>
      <bottom style="thin">
        <color auto="1"/>
      </bottom>
      <diagonal/>
    </border>
    <border>
      <left/>
      <right style="thin">
        <color indexed="8"/>
      </right>
      <top/>
      <bottom style="thin">
        <color auto="1"/>
      </bottom>
      <diagonal/>
    </border>
    <border>
      <left style="thin">
        <color indexed="8"/>
      </left>
      <right/>
      <top style="medium">
        <color auto="1"/>
      </top>
      <bottom/>
      <diagonal/>
    </border>
    <border>
      <left style="thin">
        <color auto="1"/>
      </left>
      <right style="thin">
        <color theme="1"/>
      </right>
      <top style="medium">
        <color auto="1"/>
      </top>
      <bottom style="thin">
        <color auto="1"/>
      </bottom>
      <diagonal/>
    </border>
    <border>
      <left style="medium">
        <color auto="1"/>
      </left>
      <right style="thin">
        <color auto="1"/>
      </right>
      <top/>
      <bottom style="thin">
        <color auto="1"/>
      </bottom>
      <diagonal/>
    </border>
    <border>
      <left style="thin">
        <color auto="1"/>
      </left>
      <right style="thin">
        <color theme="1"/>
      </right>
      <top/>
      <bottom style="thin">
        <color auto="1"/>
      </bottom>
      <diagonal/>
    </border>
    <border>
      <left style="medium">
        <color auto="1"/>
      </left>
      <right/>
      <top/>
      <bottom style="hair">
        <color indexed="64"/>
      </bottom>
      <diagonal/>
    </border>
    <border>
      <left/>
      <right/>
      <top/>
      <bottom style="hair">
        <color indexed="64"/>
      </bottom>
      <diagonal/>
    </border>
    <border>
      <left/>
      <right style="thin">
        <color auto="1"/>
      </right>
      <top/>
      <bottom style="hair">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style="medium">
        <color auto="1"/>
      </left>
      <right style="thin">
        <color indexed="64"/>
      </right>
      <top/>
      <bottom/>
      <diagonal/>
    </border>
    <border>
      <left/>
      <right style="thin">
        <color indexed="64"/>
      </right>
      <top/>
      <bottom style="thin">
        <color indexed="64"/>
      </bottom>
      <diagonal/>
    </border>
    <border>
      <left style="thin">
        <color indexed="64"/>
      </left>
      <right style="thin">
        <color indexed="64"/>
      </right>
      <top style="thin">
        <color indexed="64"/>
      </top>
      <bottom/>
      <diagonal/>
    </border>
  </borders>
  <cellStyleXfs count="5">
    <xf numFmtId="0" fontId="0" fillId="0" borderId="0">
      <alignment vertical="center"/>
    </xf>
    <xf numFmtId="0" fontId="3" fillId="0" borderId="0"/>
    <xf numFmtId="0" fontId="1" fillId="0" borderId="0">
      <alignment vertical="center"/>
    </xf>
    <xf numFmtId="0" fontId="4" fillId="0" borderId="0">
      <alignment vertical="center"/>
    </xf>
    <xf numFmtId="0" fontId="5" fillId="0" borderId="0" applyNumberFormat="0" applyFill="0" applyBorder="0" applyAlignment="0" applyProtection="0">
      <alignment vertical="center"/>
    </xf>
  </cellStyleXfs>
  <cellXfs count="452">
    <xf numFmtId="0" fontId="0" fillId="0" borderId="0" xfId="0">
      <alignment vertical="center"/>
    </xf>
    <xf numFmtId="0" fontId="0" fillId="0" borderId="0" xfId="0" applyAlignment="1">
      <alignment vertical="center" wrapText="1"/>
    </xf>
    <xf numFmtId="49" fontId="0" fillId="0" borderId="0" xfId="0" applyNumberFormat="1">
      <alignment vertical="center"/>
    </xf>
    <xf numFmtId="0" fontId="11" fillId="3" borderId="4" xfId="0" applyFont="1" applyFill="1" applyBorder="1" applyAlignment="1" applyProtection="1">
      <alignment vertical="center" shrinkToFit="1"/>
      <protection locked="0"/>
    </xf>
    <xf numFmtId="0" fontId="21" fillId="3" borderId="46" xfId="0" applyFont="1" applyFill="1" applyBorder="1" applyProtection="1">
      <alignment vertical="center"/>
      <protection locked="0"/>
    </xf>
    <xf numFmtId="0" fontId="0" fillId="0" borderId="36" xfId="3" applyFont="1" applyBorder="1" applyAlignment="1">
      <alignment vertical="center" wrapText="1"/>
    </xf>
    <xf numFmtId="0" fontId="0" fillId="0" borderId="40" xfId="3" applyFont="1" applyBorder="1" applyAlignment="1">
      <alignment vertical="center" wrapText="1"/>
    </xf>
    <xf numFmtId="176" fontId="0" fillId="0" borderId="50" xfId="0" quotePrefix="1" applyNumberFormat="1" applyBorder="1" applyAlignment="1">
      <alignment horizontal="left" vertical="center"/>
    </xf>
    <xf numFmtId="0" fontId="0" fillId="0" borderId="50" xfId="0" applyBorder="1" applyAlignment="1">
      <alignment horizontal="left" vertical="center"/>
    </xf>
    <xf numFmtId="176" fontId="0" fillId="0" borderId="50" xfId="0" applyNumberFormat="1" applyBorder="1" applyAlignment="1">
      <alignment horizontal="left" vertical="center"/>
    </xf>
    <xf numFmtId="0" fontId="0" fillId="0" borderId="50" xfId="0" applyBorder="1">
      <alignment vertical="center"/>
    </xf>
    <xf numFmtId="176" fontId="0" fillId="0" borderId="0" xfId="0" quotePrefix="1" applyNumberFormat="1" applyAlignment="1">
      <alignment horizontal="left" vertical="center"/>
    </xf>
    <xf numFmtId="0" fontId="11" fillId="3" borderId="32" xfId="0" applyFont="1" applyFill="1" applyBorder="1" applyAlignment="1" applyProtection="1">
      <alignment vertical="center" shrinkToFit="1"/>
      <protection locked="0"/>
    </xf>
    <xf numFmtId="0" fontId="30" fillId="5" borderId="0" xfId="4" applyFont="1" applyFill="1" applyAlignment="1">
      <alignment horizontal="center" vertical="center"/>
    </xf>
    <xf numFmtId="0" fontId="12" fillId="0" borderId="0" xfId="0" applyFont="1">
      <alignment vertical="center"/>
    </xf>
    <xf numFmtId="0" fontId="12" fillId="0" borderId="0" xfId="0" applyFont="1" applyAlignment="1">
      <alignment horizontal="center" vertical="center"/>
    </xf>
    <xf numFmtId="0" fontId="31" fillId="6" borderId="0" xfId="0" applyFont="1" applyFill="1">
      <alignment vertical="center"/>
    </xf>
    <xf numFmtId="0" fontId="12" fillId="6" borderId="0" xfId="0" applyFont="1" applyFill="1">
      <alignment vertical="center"/>
    </xf>
    <xf numFmtId="0" fontId="31" fillId="0" borderId="0" xfId="0" applyFont="1">
      <alignment vertical="center"/>
    </xf>
    <xf numFmtId="0" fontId="13" fillId="0" borderId="50" xfId="0" applyFont="1" applyBorder="1">
      <alignment vertical="center"/>
    </xf>
    <xf numFmtId="0" fontId="13" fillId="0" borderId="36" xfId="0" applyFont="1" applyBorder="1">
      <alignment vertical="center"/>
    </xf>
    <xf numFmtId="0" fontId="13" fillId="0" borderId="35" xfId="0" applyFont="1" applyBorder="1">
      <alignment vertical="center"/>
    </xf>
    <xf numFmtId="0" fontId="13" fillId="0" borderId="50" xfId="0" applyFont="1" applyBorder="1" applyAlignment="1">
      <alignment vertical="center" wrapText="1"/>
    </xf>
    <xf numFmtId="0" fontId="13" fillId="0" borderId="36" xfId="0" applyFont="1" applyBorder="1" applyAlignment="1">
      <alignment vertical="center" wrapText="1"/>
    </xf>
    <xf numFmtId="0" fontId="12" fillId="0" borderId="0" xfId="0" applyFont="1" applyAlignment="1">
      <alignment vertical="center" wrapText="1"/>
    </xf>
    <xf numFmtId="0" fontId="12" fillId="0" borderId="50" xfId="0" applyFont="1" applyBorder="1">
      <alignment vertical="center"/>
    </xf>
    <xf numFmtId="0" fontId="12" fillId="0" borderId="59" xfId="0" applyFont="1" applyBorder="1" applyAlignment="1">
      <alignment vertical="top" wrapText="1"/>
    </xf>
    <xf numFmtId="0" fontId="12" fillId="0" borderId="50" xfId="0" applyFont="1" applyBorder="1" applyAlignment="1">
      <alignment horizontal="left" vertical="center" wrapText="1"/>
    </xf>
    <xf numFmtId="0" fontId="12" fillId="6" borderId="0" xfId="0" applyFont="1" applyFill="1" applyAlignment="1">
      <alignment vertical="center" wrapText="1"/>
    </xf>
    <xf numFmtId="0" fontId="12" fillId="0" borderId="0" xfId="0" applyFont="1" applyAlignment="1">
      <alignment horizontal="center" vertical="center" wrapText="1"/>
    </xf>
    <xf numFmtId="0" fontId="0" fillId="0" borderId="36" xfId="0" applyBorder="1">
      <alignment vertical="center"/>
    </xf>
    <xf numFmtId="0" fontId="0" fillId="0" borderId="0" xfId="0" applyProtection="1">
      <alignment vertical="center"/>
      <protection locked="0"/>
    </xf>
    <xf numFmtId="0" fontId="23" fillId="0" borderId="5" xfId="0" applyFont="1" applyBorder="1" applyAlignment="1" applyProtection="1">
      <alignment horizontal="right" vertical="center"/>
      <protection locked="0"/>
    </xf>
    <xf numFmtId="0" fontId="23" fillId="0" borderId="4" xfId="0" applyFont="1" applyBorder="1" applyAlignment="1" applyProtection="1">
      <alignment horizontal="right" vertical="center"/>
      <protection locked="0"/>
    </xf>
    <xf numFmtId="0" fontId="23" fillId="0" borderId="11" xfId="0" applyFont="1" applyBorder="1" applyAlignment="1" applyProtection="1">
      <alignment horizontal="right" vertical="center"/>
      <protection locked="0"/>
    </xf>
    <xf numFmtId="0" fontId="23" fillId="0" borderId="0" xfId="0" applyFont="1" applyBorder="1" applyAlignment="1" applyProtection="1">
      <alignment horizontal="right" vertical="center"/>
      <protection locked="0"/>
    </xf>
    <xf numFmtId="0" fontId="23" fillId="0" borderId="7" xfId="0" applyFont="1" applyBorder="1" applyAlignment="1" applyProtection="1">
      <alignment horizontal="right" vertical="center"/>
      <protection locked="0"/>
    </xf>
    <xf numFmtId="0" fontId="23" fillId="0" borderId="8" xfId="0" applyFont="1" applyBorder="1" applyAlignment="1" applyProtection="1">
      <alignment horizontal="right" vertical="center"/>
      <protection locked="0"/>
    </xf>
    <xf numFmtId="0" fontId="23" fillId="0" borderId="72" xfId="0" applyFont="1" applyBorder="1" applyAlignment="1" applyProtection="1">
      <alignment horizontal="center" vertical="center"/>
      <protection locked="0"/>
    </xf>
    <xf numFmtId="0" fontId="23" fillId="0" borderId="38" xfId="0" applyFont="1" applyBorder="1" applyAlignment="1" applyProtection="1">
      <alignment horizontal="right" vertical="center"/>
      <protection locked="0"/>
    </xf>
    <xf numFmtId="0" fontId="23" fillId="0" borderId="12" xfId="0" applyFont="1" applyBorder="1" applyAlignment="1" applyProtection="1">
      <alignment horizontal="right" vertical="center"/>
      <protection locked="0"/>
    </xf>
    <xf numFmtId="0" fontId="23" fillId="0" borderId="36" xfId="0" applyFont="1" applyBorder="1" applyAlignment="1" applyProtection="1">
      <alignment horizontal="right" vertical="center"/>
      <protection locked="0"/>
    </xf>
    <xf numFmtId="0" fontId="23" fillId="0" borderId="22" xfId="0" applyFont="1" applyBorder="1" applyAlignment="1" applyProtection="1">
      <alignment horizontal="right" vertical="center"/>
      <protection locked="0"/>
    </xf>
    <xf numFmtId="0" fontId="23" fillId="0" borderId="59" xfId="0" applyFont="1" applyBorder="1" applyAlignment="1" applyProtection="1">
      <alignment horizontal="center" vertical="center"/>
      <protection locked="0"/>
    </xf>
    <xf numFmtId="0" fontId="15" fillId="3" borderId="12" xfId="0" applyFont="1" applyFill="1" applyBorder="1" applyAlignment="1" applyProtection="1">
      <alignment horizontal="center" vertical="center"/>
      <protection locked="0"/>
    </xf>
    <xf numFmtId="0" fontId="25" fillId="0" borderId="0" xfId="0" applyFont="1" applyAlignment="1" applyProtection="1">
      <alignment horizontal="center" vertical="center"/>
    </xf>
    <xf numFmtId="0" fontId="0" fillId="0" borderId="0" xfId="0" applyProtection="1">
      <alignment vertical="center"/>
    </xf>
    <xf numFmtId="0" fontId="15" fillId="0" borderId="1" xfId="0" applyFont="1" applyBorder="1" applyProtection="1">
      <alignment vertical="center"/>
    </xf>
    <xf numFmtId="0" fontId="20" fillId="4" borderId="42" xfId="4" applyFont="1" applyFill="1" applyBorder="1" applyAlignment="1" applyProtection="1">
      <alignment vertical="center"/>
    </xf>
    <xf numFmtId="0" fontId="20" fillId="2" borderId="42" xfId="0" applyFont="1" applyFill="1" applyBorder="1" applyAlignment="1" applyProtection="1">
      <alignment horizontal="center" vertical="center"/>
    </xf>
    <xf numFmtId="0" fontId="15" fillId="0" borderId="0" xfId="0" applyFont="1" applyAlignment="1" applyProtection="1">
      <alignment horizontal="center" vertical="center"/>
    </xf>
    <xf numFmtId="0" fontId="20" fillId="0" borderId="0" xfId="0" applyFont="1" applyAlignment="1" applyProtection="1">
      <alignment horizontal="center" vertical="center"/>
    </xf>
    <xf numFmtId="0" fontId="20" fillId="4" borderId="48" xfId="4" applyFont="1" applyFill="1" applyBorder="1" applyAlignment="1" applyProtection="1">
      <alignment horizontal="left" vertical="center"/>
    </xf>
    <xf numFmtId="0" fontId="20" fillId="4" borderId="48" xfId="4" applyFont="1" applyFill="1" applyBorder="1" applyAlignment="1" applyProtection="1">
      <alignment horizontal="center" vertical="center"/>
    </xf>
    <xf numFmtId="0" fontId="20" fillId="0" borderId="0" xfId="4" applyFont="1" applyFill="1" applyBorder="1" applyAlignment="1" applyProtection="1">
      <alignment horizontal="center" vertical="center"/>
    </xf>
    <xf numFmtId="0" fontId="14" fillId="0" borderId="0" xfId="0" applyFont="1" applyAlignment="1" applyProtection="1">
      <alignment horizontal="left" vertical="center"/>
    </xf>
    <xf numFmtId="0" fontId="8" fillId="0" borderId="0" xfId="0" applyFont="1" applyAlignment="1" applyProtection="1">
      <alignment horizontal="center" vertical="center"/>
    </xf>
    <xf numFmtId="0" fontId="18" fillId="0" borderId="0" xfId="0" applyFont="1" applyAlignment="1" applyProtection="1">
      <alignment horizontal="left" vertical="center"/>
    </xf>
    <xf numFmtId="0" fontId="15" fillId="0" borderId="24" xfId="0" applyFont="1" applyBorder="1" applyAlignment="1" applyProtection="1">
      <alignment horizontal="center" vertical="center"/>
    </xf>
    <xf numFmtId="0" fontId="23" fillId="0" borderId="4" xfId="0" applyFont="1" applyBorder="1" applyAlignment="1" applyProtection="1">
      <alignment horizontal="left" vertical="center"/>
    </xf>
    <xf numFmtId="0" fontId="23" fillId="0" borderId="6" xfId="0" applyFont="1" applyBorder="1" applyAlignment="1" applyProtection="1">
      <alignment horizontal="left" vertical="center"/>
    </xf>
    <xf numFmtId="0" fontId="23" fillId="0" borderId="0" xfId="0" applyFont="1" applyBorder="1" applyAlignment="1" applyProtection="1">
      <alignment horizontal="left" vertical="center"/>
    </xf>
    <xf numFmtId="0" fontId="23" fillId="0" borderId="2" xfId="0" applyFont="1" applyBorder="1" applyAlignment="1" applyProtection="1">
      <alignment horizontal="left" vertical="center"/>
    </xf>
    <xf numFmtId="0" fontId="23" fillId="0" borderId="8" xfId="0" applyFont="1" applyBorder="1" applyAlignment="1" applyProtection="1">
      <alignment horizontal="left" vertical="center"/>
    </xf>
    <xf numFmtId="0" fontId="23" fillId="0" borderId="9" xfId="0" applyFont="1" applyBorder="1" applyAlignment="1" applyProtection="1">
      <alignment horizontal="left" vertical="center"/>
    </xf>
    <xf numFmtId="0" fontId="15" fillId="0" borderId="43" xfId="0" applyFont="1" applyBorder="1" applyAlignment="1" applyProtection="1">
      <alignment vertical="center" wrapText="1"/>
    </xf>
    <xf numFmtId="0" fontId="15" fillId="0" borderId="0" xfId="0" applyFont="1" applyBorder="1" applyAlignment="1" applyProtection="1">
      <alignment vertical="center" wrapText="1"/>
    </xf>
    <xf numFmtId="0" fontId="15" fillId="0" borderId="2" xfId="0" applyFont="1" applyBorder="1" applyAlignment="1" applyProtection="1">
      <alignment vertical="center" wrapText="1"/>
    </xf>
    <xf numFmtId="0" fontId="20" fillId="0" borderId="46" xfId="0" applyFont="1" applyBorder="1" applyProtection="1">
      <alignment vertical="center"/>
    </xf>
    <xf numFmtId="0" fontId="20" fillId="0" borderId="47" xfId="0" applyFont="1" applyBorder="1" applyProtection="1">
      <alignment vertical="center"/>
    </xf>
    <xf numFmtId="0" fontId="15" fillId="0" borderId="14" xfId="0" applyFont="1" applyBorder="1" applyAlignment="1" applyProtection="1">
      <alignment horizontal="center" vertical="center"/>
    </xf>
    <xf numFmtId="0" fontId="23" fillId="0" borderId="12" xfId="0" applyFont="1" applyBorder="1" applyAlignment="1" applyProtection="1">
      <alignment vertical="center"/>
    </xf>
    <xf numFmtId="0" fontId="23" fillId="0" borderId="17" xfId="0" applyFont="1" applyBorder="1" applyAlignment="1" applyProtection="1">
      <alignment vertical="center"/>
    </xf>
    <xf numFmtId="0" fontId="15" fillId="2" borderId="12" xfId="0" applyFont="1" applyFill="1" applyBorder="1" applyAlignment="1" applyProtection="1">
      <alignment horizontal="center" vertical="center"/>
    </xf>
    <xf numFmtId="0" fontId="15" fillId="2" borderId="13" xfId="0" applyFont="1" applyFill="1" applyBorder="1" applyProtection="1">
      <alignment vertical="center"/>
    </xf>
    <xf numFmtId="0" fontId="23" fillId="2" borderId="4" xfId="0" applyFont="1" applyFill="1" applyBorder="1" applyAlignment="1" applyProtection="1">
      <alignment vertical="center"/>
    </xf>
    <xf numFmtId="0" fontId="23" fillId="2" borderId="4" xfId="0" applyFont="1" applyFill="1" applyBorder="1" applyAlignment="1" applyProtection="1">
      <alignment horizontal="left" vertical="center"/>
    </xf>
    <xf numFmtId="0" fontId="23" fillId="2" borderId="6" xfId="0" applyFont="1" applyFill="1" applyBorder="1" applyAlignment="1" applyProtection="1">
      <alignment horizontal="left" vertical="center"/>
    </xf>
    <xf numFmtId="0" fontId="23" fillId="2" borderId="8" xfId="0" applyFont="1" applyFill="1" applyBorder="1" applyAlignment="1" applyProtection="1">
      <alignment vertical="center"/>
    </xf>
    <xf numFmtId="0" fontId="23" fillId="2" borderId="8" xfId="0" applyFont="1" applyFill="1" applyBorder="1" applyAlignment="1" applyProtection="1">
      <alignment horizontal="left" vertical="center"/>
    </xf>
    <xf numFmtId="0" fontId="23" fillId="0" borderId="8" xfId="0" applyFont="1" applyBorder="1" applyAlignment="1" applyProtection="1">
      <alignment horizontal="left" vertical="center" shrinkToFit="1"/>
    </xf>
    <xf numFmtId="0" fontId="23" fillId="2" borderId="9" xfId="0" applyFont="1" applyFill="1" applyBorder="1" applyAlignment="1" applyProtection="1">
      <alignment horizontal="left" vertical="center"/>
    </xf>
    <xf numFmtId="0" fontId="23" fillId="0" borderId="63" xfId="0" applyFont="1" applyBorder="1" applyAlignment="1" applyProtection="1">
      <alignment horizontal="center" vertical="center"/>
    </xf>
    <xf numFmtId="0" fontId="23" fillId="0" borderId="64" xfId="0" applyFont="1" applyBorder="1" applyAlignment="1" applyProtection="1">
      <alignment horizontal="center" vertical="center"/>
    </xf>
    <xf numFmtId="0" fontId="15" fillId="0" borderId="1" xfId="0" applyFont="1" applyBorder="1" applyAlignment="1" applyProtection="1">
      <alignment horizontal="center" vertical="center"/>
    </xf>
    <xf numFmtId="0" fontId="15" fillId="0" borderId="22" xfId="0" applyFont="1" applyBorder="1" applyAlignment="1" applyProtection="1">
      <alignment horizontal="center" vertical="center"/>
    </xf>
    <xf numFmtId="0" fontId="11" fillId="2" borderId="1" xfId="0" applyFont="1" applyFill="1" applyBorder="1" applyAlignment="1" applyProtection="1">
      <alignment horizontal="center" vertical="center"/>
    </xf>
    <xf numFmtId="0" fontId="11" fillId="0" borderId="1" xfId="0" applyFont="1" applyBorder="1" applyProtection="1">
      <alignment vertical="center"/>
    </xf>
    <xf numFmtId="0" fontId="20" fillId="2" borderId="22" xfId="0" applyFont="1" applyFill="1" applyBorder="1" applyAlignment="1" applyProtection="1">
      <alignment horizontal="center" vertical="center"/>
    </xf>
    <xf numFmtId="0" fontId="20" fillId="0" borderId="22" xfId="0" applyFont="1" applyBorder="1" applyProtection="1">
      <alignment vertical="center"/>
    </xf>
    <xf numFmtId="0" fontId="11" fillId="2" borderId="22" xfId="0" applyFont="1" applyFill="1" applyBorder="1" applyAlignment="1" applyProtection="1">
      <alignment horizontal="center" vertical="center"/>
    </xf>
    <xf numFmtId="0" fontId="11" fillId="0" borderId="22" xfId="0" applyFont="1" applyBorder="1" applyProtection="1">
      <alignment vertical="center"/>
    </xf>
    <xf numFmtId="0" fontId="11" fillId="2" borderId="32" xfId="0" applyFont="1" applyFill="1" applyBorder="1" applyAlignment="1" applyProtection="1">
      <alignment horizontal="center" vertical="center"/>
    </xf>
    <xf numFmtId="0" fontId="11" fillId="0" borderId="32" xfId="0" applyFont="1" applyBorder="1" applyProtection="1">
      <alignment vertical="center"/>
    </xf>
    <xf numFmtId="0" fontId="15" fillId="0" borderId="32" xfId="0" applyFont="1" applyBorder="1" applyProtection="1">
      <alignment vertical="center"/>
    </xf>
    <xf numFmtId="0" fontId="11" fillId="2" borderId="12" xfId="0" applyFont="1" applyFill="1" applyBorder="1" applyAlignment="1" applyProtection="1">
      <alignment vertical="center"/>
    </xf>
    <xf numFmtId="49" fontId="15" fillId="2" borderId="12" xfId="0" applyNumberFormat="1" applyFont="1" applyFill="1" applyBorder="1" applyAlignment="1" applyProtection="1">
      <alignment horizontal="center" vertical="center"/>
    </xf>
    <xf numFmtId="0" fontId="11" fillId="0" borderId="12" xfId="0" applyFont="1" applyBorder="1" applyProtection="1">
      <alignment vertical="center"/>
    </xf>
    <xf numFmtId="0" fontId="23" fillId="0" borderId="22" xfId="0" applyFont="1" applyBorder="1" applyAlignment="1" applyProtection="1">
      <alignment vertical="center"/>
    </xf>
    <xf numFmtId="49" fontId="17" fillId="0" borderId="22" xfId="0" applyNumberFormat="1" applyFont="1" applyBorder="1" applyProtection="1">
      <alignment vertical="center"/>
    </xf>
    <xf numFmtId="0" fontId="20" fillId="4" borderId="32" xfId="0" applyFont="1" applyFill="1" applyBorder="1" applyAlignment="1" applyProtection="1">
      <alignment horizontal="center" vertical="center"/>
    </xf>
    <xf numFmtId="0" fontId="20" fillId="4" borderId="32" xfId="0" applyFont="1" applyFill="1" applyBorder="1" applyProtection="1">
      <alignment vertical="center"/>
    </xf>
    <xf numFmtId="0" fontId="20" fillId="4" borderId="33" xfId="0" applyFont="1" applyFill="1" applyBorder="1" applyProtection="1">
      <alignment vertical="center"/>
    </xf>
    <xf numFmtId="0" fontId="10" fillId="0" borderId="12" xfId="0" applyFont="1" applyBorder="1" applyAlignment="1" applyProtection="1">
      <alignment vertical="center"/>
    </xf>
    <xf numFmtId="0" fontId="10" fillId="0" borderId="13" xfId="0" applyFont="1" applyBorder="1" applyAlignment="1" applyProtection="1">
      <alignment vertical="center"/>
    </xf>
    <xf numFmtId="0" fontId="11" fillId="2" borderId="32" xfId="0" applyFont="1" applyFill="1" applyBorder="1" applyProtection="1">
      <alignment vertical="center"/>
    </xf>
    <xf numFmtId="0" fontId="10" fillId="0" borderId="12" xfId="0" applyFont="1" applyBorder="1" applyAlignment="1" applyProtection="1">
      <alignment vertical="center" shrinkToFit="1"/>
    </xf>
    <xf numFmtId="0" fontId="11" fillId="0" borderId="12" xfId="0" applyFont="1" applyBorder="1" applyAlignment="1" applyProtection="1">
      <alignment vertical="center" shrinkToFit="1"/>
    </xf>
    <xf numFmtId="0" fontId="11" fillId="0" borderId="13" xfId="0" applyFont="1" applyBorder="1" applyAlignment="1" applyProtection="1">
      <alignment vertical="center" shrinkToFit="1"/>
    </xf>
    <xf numFmtId="0" fontId="11" fillId="0" borderId="32" xfId="0" applyFont="1" applyBorder="1" applyAlignment="1" applyProtection="1">
      <alignment vertical="center" shrinkToFit="1"/>
    </xf>
    <xf numFmtId="0" fontId="11" fillId="0" borderId="33" xfId="0" applyFont="1" applyBorder="1" applyAlignment="1" applyProtection="1">
      <alignment vertical="center" shrinkToFit="1"/>
    </xf>
    <xf numFmtId="0" fontId="10" fillId="0" borderId="17" xfId="0" applyFont="1" applyBorder="1" applyAlignment="1" applyProtection="1">
      <alignment vertical="center" shrinkToFit="1"/>
    </xf>
    <xf numFmtId="0" fontId="11" fillId="0" borderId="4" xfId="0" applyFont="1" applyBorder="1" applyAlignment="1" applyProtection="1">
      <alignment vertical="center" shrinkToFit="1"/>
    </xf>
    <xf numFmtId="0" fontId="11" fillId="0" borderId="6" xfId="0" applyFont="1" applyBorder="1" applyAlignment="1" applyProtection="1">
      <alignment vertical="center" shrinkToFit="1"/>
    </xf>
    <xf numFmtId="0" fontId="15" fillId="0" borderId="29" xfId="0" applyFont="1" applyBorder="1" applyAlignment="1" applyProtection="1">
      <alignment horizontal="center" vertical="center"/>
    </xf>
    <xf numFmtId="0" fontId="0" fillId="0" borderId="30" xfId="0" applyBorder="1" applyProtection="1">
      <alignment vertical="center"/>
    </xf>
    <xf numFmtId="0" fontId="15" fillId="0" borderId="30" xfId="0" applyFont="1" applyBorder="1" applyProtection="1">
      <alignment vertical="center"/>
    </xf>
    <xf numFmtId="0" fontId="15" fillId="0" borderId="30" xfId="0" applyFont="1" applyBorder="1" applyAlignment="1" applyProtection="1">
      <alignment horizontal="center" vertical="center"/>
    </xf>
    <xf numFmtId="0" fontId="15" fillId="0" borderId="8" xfId="0" applyFont="1" applyBorder="1" applyProtection="1">
      <alignment vertical="center"/>
    </xf>
    <xf numFmtId="0" fontId="15" fillId="0" borderId="9" xfId="0" applyFont="1" applyBorder="1" applyProtection="1">
      <alignment vertical="center"/>
    </xf>
    <xf numFmtId="0" fontId="15" fillId="0" borderId="7" xfId="0" applyFont="1" applyBorder="1" applyAlignment="1" applyProtection="1">
      <alignment horizontal="center" vertical="center"/>
    </xf>
    <xf numFmtId="0" fontId="15" fillId="0" borderId="56" xfId="0" applyFont="1" applyBorder="1" applyAlignment="1" applyProtection="1">
      <alignment horizontal="center" vertical="center"/>
    </xf>
    <xf numFmtId="0" fontId="15" fillId="0" borderId="57" xfId="0" applyFont="1" applyBorder="1" applyAlignment="1" applyProtection="1">
      <alignment horizontal="center" vertical="center"/>
    </xf>
    <xf numFmtId="0" fontId="0" fillId="0" borderId="57" xfId="0" applyBorder="1" applyProtection="1">
      <alignment vertical="center"/>
    </xf>
    <xf numFmtId="0" fontId="9" fillId="0" borderId="57" xfId="0" applyFont="1" applyBorder="1" applyAlignment="1" applyProtection="1">
      <alignment horizontal="center" vertical="center"/>
    </xf>
    <xf numFmtId="0" fontId="13" fillId="0" borderId="57" xfId="0" applyFont="1" applyBorder="1" applyProtection="1">
      <alignment vertical="center"/>
    </xf>
    <xf numFmtId="0" fontId="7" fillId="0" borderId="57" xfId="0" applyFont="1" applyBorder="1" applyProtection="1">
      <alignment vertical="center"/>
    </xf>
    <xf numFmtId="0" fontId="7" fillId="0" borderId="58" xfId="0" applyFont="1" applyBorder="1" applyProtection="1">
      <alignment vertical="center"/>
    </xf>
    <xf numFmtId="0" fontId="28" fillId="0" borderId="0" xfId="0" applyFont="1" applyProtection="1">
      <alignment vertical="center"/>
    </xf>
    <xf numFmtId="0" fontId="11" fillId="7" borderId="12" xfId="0" applyFont="1" applyFill="1" applyBorder="1" applyAlignment="1" applyProtection="1">
      <alignment horizontal="center" vertical="center"/>
    </xf>
    <xf numFmtId="0" fontId="11" fillId="7" borderId="12" xfId="0" applyFont="1" applyFill="1" applyBorder="1" applyAlignment="1" applyProtection="1">
      <alignment horizontal="center" vertical="center" wrapText="1"/>
    </xf>
    <xf numFmtId="0" fontId="11" fillId="7" borderId="12" xfId="0" applyFont="1" applyFill="1" applyBorder="1" applyProtection="1">
      <alignment vertical="center"/>
    </xf>
    <xf numFmtId="0" fontId="11" fillId="7" borderId="13" xfId="0" applyFont="1" applyFill="1" applyBorder="1" applyProtection="1">
      <alignment vertical="center"/>
    </xf>
    <xf numFmtId="0" fontId="28" fillId="0" borderId="0" xfId="0" applyFont="1" applyBorder="1" applyProtection="1">
      <alignment vertical="center"/>
    </xf>
    <xf numFmtId="0" fontId="0" fillId="0" borderId="0" xfId="0" applyBorder="1" applyProtection="1">
      <alignment vertical="center"/>
    </xf>
    <xf numFmtId="0" fontId="28" fillId="0" borderId="11" xfId="0" applyFont="1" applyBorder="1" applyProtection="1">
      <alignment vertical="center"/>
    </xf>
    <xf numFmtId="0" fontId="23" fillId="0" borderId="38" xfId="0" applyFont="1" applyFill="1" applyBorder="1" applyAlignment="1" applyProtection="1">
      <alignment horizontal="right" vertical="center"/>
      <protection locked="0"/>
    </xf>
    <xf numFmtId="0" fontId="23" fillId="0" borderId="12" xfId="0" applyFont="1" applyFill="1" applyBorder="1" applyAlignment="1" applyProtection="1">
      <alignment vertical="center"/>
    </xf>
    <xf numFmtId="0" fontId="11" fillId="0" borderId="12" xfId="0" applyFont="1" applyFill="1" applyBorder="1" applyAlignment="1" applyProtection="1">
      <alignment vertical="center"/>
    </xf>
    <xf numFmtId="0" fontId="23" fillId="0" borderId="12" xfId="0" applyFont="1" applyFill="1" applyBorder="1" applyAlignment="1" applyProtection="1">
      <alignment horizontal="right" vertical="center"/>
      <protection locked="0"/>
    </xf>
    <xf numFmtId="0" fontId="10" fillId="0" borderId="12" xfId="0" applyFont="1" applyFill="1" applyBorder="1" applyAlignment="1" applyProtection="1">
      <alignment vertical="center" shrinkToFit="1"/>
    </xf>
    <xf numFmtId="0" fontId="11" fillId="0" borderId="32" xfId="0" applyFont="1" applyFill="1" applyBorder="1" applyAlignment="1" applyProtection="1">
      <alignment vertical="center" shrinkToFit="1"/>
    </xf>
    <xf numFmtId="0" fontId="11" fillId="0" borderId="33" xfId="0" applyFont="1" applyFill="1" applyBorder="1" applyAlignment="1" applyProtection="1">
      <alignment vertical="center" shrinkToFit="1"/>
    </xf>
    <xf numFmtId="0" fontId="28" fillId="0" borderId="2" xfId="0" applyFont="1" applyBorder="1" applyProtection="1">
      <alignment vertical="center"/>
    </xf>
    <xf numFmtId="0" fontId="29" fillId="0" borderId="11" xfId="0" applyFont="1" applyBorder="1" applyProtection="1">
      <alignment vertical="center"/>
    </xf>
    <xf numFmtId="0" fontId="9" fillId="0" borderId="0" xfId="0" applyFont="1" applyProtection="1">
      <alignment vertical="center"/>
    </xf>
    <xf numFmtId="0" fontId="9" fillId="0" borderId="2" xfId="0" applyFont="1" applyBorder="1" applyProtection="1">
      <alignment vertical="center"/>
    </xf>
    <xf numFmtId="0" fontId="15" fillId="0" borderId="0" xfId="0" applyFont="1" applyProtection="1">
      <alignment vertical="center"/>
    </xf>
    <xf numFmtId="0" fontId="15" fillId="0" borderId="0" xfId="0" applyFont="1" applyAlignment="1" applyProtection="1">
      <alignment horizontal="left" vertical="center"/>
    </xf>
    <xf numFmtId="0" fontId="19" fillId="0" borderId="0" xfId="0" applyFont="1" applyProtection="1">
      <alignment vertical="center"/>
    </xf>
    <xf numFmtId="0" fontId="15" fillId="0" borderId="2" xfId="0" applyFont="1" applyBorder="1" applyProtection="1">
      <alignment vertical="center"/>
    </xf>
    <xf numFmtId="0" fontId="28" fillId="0" borderId="11" xfId="0" applyFont="1" applyBorder="1" applyAlignment="1" applyProtection="1">
      <alignment horizontal="left" vertical="center"/>
    </xf>
    <xf numFmtId="0" fontId="28" fillId="0" borderId="0" xfId="0" applyFont="1" applyBorder="1" applyAlignment="1" applyProtection="1">
      <alignment horizontal="left" vertical="center"/>
    </xf>
    <xf numFmtId="0" fontId="28" fillId="0" borderId="0" xfId="0" applyFont="1" applyAlignment="1" applyProtection="1">
      <alignment horizontal="right" vertical="center"/>
    </xf>
    <xf numFmtId="0" fontId="33" fillId="0" borderId="0" xfId="0" applyFont="1" applyBorder="1" applyAlignment="1" applyProtection="1">
      <alignment vertical="center"/>
    </xf>
    <xf numFmtId="0" fontId="28" fillId="0" borderId="7" xfId="0" applyFont="1" applyBorder="1" applyProtection="1">
      <alignment vertical="center"/>
    </xf>
    <xf numFmtId="0" fontId="0" fillId="0" borderId="8" xfId="0" applyBorder="1" applyProtection="1">
      <alignment vertical="center"/>
    </xf>
    <xf numFmtId="0" fontId="9" fillId="0" borderId="8" xfId="0" applyFont="1" applyBorder="1" applyProtection="1">
      <alignment vertical="center"/>
    </xf>
    <xf numFmtId="0" fontId="9" fillId="0" borderId="9" xfId="0" applyFont="1" applyBorder="1" applyProtection="1">
      <alignment vertical="center"/>
    </xf>
    <xf numFmtId="0" fontId="19" fillId="3" borderId="0" xfId="0" applyFont="1" applyFill="1" applyAlignment="1" applyProtection="1">
      <alignment horizontal="right" vertical="center"/>
      <protection locked="0"/>
    </xf>
    <xf numFmtId="0" fontId="11" fillId="7" borderId="12" xfId="0" applyFont="1" applyFill="1" applyBorder="1" applyAlignment="1" applyProtection="1">
      <alignment horizontal="center" vertical="center"/>
    </xf>
    <xf numFmtId="0" fontId="11" fillId="7" borderId="12" xfId="0" applyFont="1" applyFill="1" applyBorder="1" applyAlignment="1" applyProtection="1">
      <alignment horizontal="center" vertical="center" wrapText="1"/>
    </xf>
    <xf numFmtId="0" fontId="23" fillId="0" borderId="64" xfId="0" applyFont="1" applyBorder="1" applyAlignment="1" applyProtection="1">
      <alignment horizontal="center" vertical="center"/>
    </xf>
    <xf numFmtId="0" fontId="23" fillId="0" borderId="59" xfId="0" applyFont="1" applyBorder="1" applyAlignment="1" applyProtection="1">
      <alignment horizontal="center" vertical="center"/>
      <protection locked="0"/>
    </xf>
    <xf numFmtId="0" fontId="11" fillId="2" borderId="32" xfId="0" applyFont="1" applyFill="1" applyBorder="1" applyAlignment="1" applyProtection="1">
      <alignment horizontal="center" vertical="center"/>
    </xf>
    <xf numFmtId="0" fontId="15" fillId="0" borderId="24" xfId="0" applyFont="1" applyBorder="1" applyAlignment="1" applyProtection="1">
      <alignment horizontal="center" vertical="center"/>
    </xf>
    <xf numFmtId="0" fontId="15" fillId="0" borderId="22" xfId="0" applyFont="1" applyBorder="1" applyAlignment="1" applyProtection="1">
      <alignment horizontal="center" vertical="center"/>
    </xf>
    <xf numFmtId="0" fontId="15" fillId="0" borderId="14" xfId="0" applyFont="1" applyBorder="1" applyAlignment="1" applyProtection="1">
      <alignment horizontal="center" vertical="center"/>
    </xf>
    <xf numFmtId="0" fontId="15" fillId="0" borderId="7" xfId="0" applyFont="1" applyBorder="1" applyAlignment="1" applyProtection="1">
      <alignment horizontal="center" vertical="center"/>
    </xf>
    <xf numFmtId="0" fontId="20" fillId="4" borderId="48" xfId="4" applyFont="1" applyFill="1" applyBorder="1" applyAlignment="1" applyProtection="1">
      <alignment horizontal="left" vertical="center"/>
    </xf>
    <xf numFmtId="0" fontId="15" fillId="3" borderId="12" xfId="0" applyFont="1" applyFill="1" applyBorder="1" applyAlignment="1" applyProtection="1">
      <alignment horizontal="center" vertical="center"/>
      <protection locked="0"/>
    </xf>
    <xf numFmtId="0" fontId="12" fillId="0" borderId="50" xfId="0" applyFont="1" applyBorder="1" applyAlignment="1">
      <alignment vertical="center" wrapText="1"/>
    </xf>
    <xf numFmtId="0" fontId="38" fillId="0" borderId="0" xfId="0" applyFont="1" applyBorder="1" applyAlignment="1" applyProtection="1">
      <alignment vertical="center"/>
    </xf>
    <xf numFmtId="0" fontId="38" fillId="0" borderId="0" xfId="0" applyFont="1" applyBorder="1" applyAlignment="1" applyProtection="1">
      <alignment horizontal="center" vertical="center"/>
    </xf>
    <xf numFmtId="0" fontId="0" fillId="0" borderId="78" xfId="0" applyBorder="1" applyProtection="1">
      <alignment vertical="center"/>
    </xf>
    <xf numFmtId="0" fontId="0" fillId="0" borderId="79" xfId="0" applyBorder="1" applyProtection="1">
      <alignment vertical="center"/>
    </xf>
    <xf numFmtId="0" fontId="0" fillId="0" borderId="80" xfId="0" applyBorder="1" applyProtection="1">
      <alignment vertical="center"/>
    </xf>
    <xf numFmtId="0" fontId="0" fillId="0" borderId="43" xfId="0" applyBorder="1" applyProtection="1">
      <alignment vertical="center"/>
    </xf>
    <xf numFmtId="0" fontId="25" fillId="0" borderId="0" xfId="0" applyFont="1" applyBorder="1" applyAlignment="1" applyProtection="1">
      <alignment horizontal="center" vertical="center"/>
    </xf>
    <xf numFmtId="0" fontId="0" fillId="0" borderId="81" xfId="0" applyBorder="1" applyProtection="1">
      <alignment vertical="center"/>
    </xf>
    <xf numFmtId="0" fontId="15" fillId="0" borderId="0" xfId="0" applyFont="1" applyBorder="1" applyAlignment="1" applyProtection="1">
      <alignment horizontal="center" vertical="center"/>
    </xf>
    <xf numFmtId="0" fontId="20" fillId="0" borderId="0" xfId="0" applyFont="1" applyBorder="1" applyAlignment="1" applyProtection="1">
      <alignment horizontal="center" vertical="center"/>
    </xf>
    <xf numFmtId="0" fontId="14" fillId="0" borderId="0" xfId="0" applyFont="1" applyBorder="1" applyAlignment="1" applyProtection="1">
      <alignment horizontal="left" vertical="center"/>
    </xf>
    <xf numFmtId="0" fontId="8" fillId="0" borderId="0" xfId="0" applyFont="1" applyBorder="1" applyAlignment="1" applyProtection="1">
      <alignment horizontal="center" vertical="center"/>
    </xf>
    <xf numFmtId="0" fontId="18" fillId="0" borderId="0" xfId="0" applyFont="1" applyBorder="1" applyAlignment="1" applyProtection="1">
      <alignment horizontal="left" vertical="center"/>
    </xf>
    <xf numFmtId="0" fontId="9" fillId="0" borderId="0" xfId="0" applyFont="1" applyBorder="1" applyProtection="1">
      <alignment vertical="center"/>
    </xf>
    <xf numFmtId="0" fontId="28" fillId="0" borderId="43" xfId="0" applyFont="1" applyBorder="1" applyProtection="1">
      <alignment vertical="center"/>
    </xf>
    <xf numFmtId="0" fontId="15" fillId="0" borderId="0" xfId="0" applyFont="1" applyBorder="1" applyProtection="1">
      <alignment vertical="center"/>
    </xf>
    <xf numFmtId="0" fontId="19" fillId="3" borderId="0" xfId="0" applyFont="1" applyFill="1" applyBorder="1" applyAlignment="1" applyProtection="1">
      <alignment horizontal="right" vertical="center"/>
      <protection locked="0"/>
    </xf>
    <xf numFmtId="0" fontId="15" fillId="0" borderId="0" xfId="0" applyFont="1" applyBorder="1" applyAlignment="1" applyProtection="1">
      <alignment horizontal="left" vertical="center"/>
    </xf>
    <xf numFmtId="0" fontId="19" fillId="0" borderId="0" xfId="0" applyFont="1" applyBorder="1" applyProtection="1">
      <alignment vertical="center"/>
    </xf>
    <xf numFmtId="0" fontId="28" fillId="0" borderId="81" xfId="0" applyFont="1" applyBorder="1" applyProtection="1">
      <alignment vertical="center"/>
    </xf>
    <xf numFmtId="0" fontId="28" fillId="0" borderId="0" xfId="0" applyFont="1" applyBorder="1" applyAlignment="1" applyProtection="1">
      <alignment horizontal="right" vertical="center"/>
    </xf>
    <xf numFmtId="0" fontId="28" fillId="0" borderId="82" xfId="0" applyFont="1" applyBorder="1" applyProtection="1">
      <alignment vertical="center"/>
    </xf>
    <xf numFmtId="0" fontId="0" fillId="0" borderId="40" xfId="0" applyBorder="1" applyProtection="1">
      <alignment vertical="center"/>
    </xf>
    <xf numFmtId="0" fontId="0" fillId="0" borderId="1" xfId="0" applyBorder="1" applyProtection="1">
      <alignment vertical="center"/>
    </xf>
    <xf numFmtId="0" fontId="0" fillId="0" borderId="83" xfId="0" applyBorder="1" applyProtection="1">
      <alignment vertical="center"/>
    </xf>
    <xf numFmtId="0" fontId="12" fillId="0" borderId="84" xfId="0" applyFont="1" applyBorder="1" applyAlignment="1">
      <alignment wrapText="1"/>
    </xf>
    <xf numFmtId="0" fontId="11" fillId="7" borderId="24" xfId="0" applyFont="1" applyFill="1" applyBorder="1" applyAlignment="1" applyProtection="1">
      <alignment horizontal="center" vertical="center"/>
    </xf>
    <xf numFmtId="0" fontId="23" fillId="7" borderId="12" xfId="0" applyFont="1" applyFill="1" applyBorder="1" applyAlignment="1" applyProtection="1">
      <alignment horizontal="right" vertical="center"/>
      <protection locked="0"/>
    </xf>
    <xf numFmtId="0" fontId="23" fillId="7" borderId="12" xfId="0" applyFont="1" applyFill="1" applyBorder="1" applyAlignment="1" applyProtection="1">
      <alignment vertical="center"/>
    </xf>
    <xf numFmtId="0" fontId="11" fillId="7" borderId="12" xfId="0" applyFont="1" applyFill="1" applyBorder="1" applyAlignment="1" applyProtection="1">
      <alignment vertical="center"/>
    </xf>
    <xf numFmtId="0" fontId="10" fillId="7" borderId="30" xfId="0" applyFont="1" applyFill="1" applyBorder="1" applyProtection="1">
      <alignment vertical="center"/>
    </xf>
    <xf numFmtId="0" fontId="20" fillId="7" borderId="30" xfId="0" applyFont="1" applyFill="1" applyBorder="1" applyProtection="1">
      <alignment vertical="center"/>
    </xf>
    <xf numFmtId="0" fontId="20" fillId="7" borderId="30" xfId="0" applyFont="1" applyFill="1" applyBorder="1" applyAlignment="1" applyProtection="1">
      <alignment horizontal="center" vertical="center"/>
    </xf>
    <xf numFmtId="0" fontId="20" fillId="7" borderId="30" xfId="0" applyFont="1" applyFill="1" applyBorder="1" applyAlignment="1" applyProtection="1">
      <alignment horizontal="center" vertical="center"/>
    </xf>
    <xf numFmtId="0" fontId="23" fillId="7" borderId="38" xfId="0" applyFont="1" applyFill="1" applyBorder="1" applyAlignment="1" applyProtection="1">
      <alignment horizontal="right" vertical="center"/>
      <protection locked="0"/>
    </xf>
    <xf numFmtId="0" fontId="12" fillId="0" borderId="50" xfId="0" applyFont="1" applyBorder="1" applyAlignment="1">
      <alignment vertical="center" wrapText="1"/>
    </xf>
    <xf numFmtId="0" fontId="21" fillId="3" borderId="46" xfId="0" applyFont="1" applyFill="1" applyBorder="1" applyAlignment="1" applyProtection="1">
      <alignment horizontal="center" vertical="center"/>
      <protection locked="0"/>
    </xf>
    <xf numFmtId="0" fontId="11" fillId="0" borderId="5" xfId="0" applyFont="1" applyBorder="1" applyAlignment="1" applyProtection="1">
      <alignment horizontal="center" vertical="center" wrapText="1"/>
    </xf>
    <xf numFmtId="0" fontId="11" fillId="0" borderId="4" xfId="0" applyFont="1" applyBorder="1" applyAlignment="1" applyProtection="1">
      <alignment horizontal="center" vertical="center" wrapText="1"/>
    </xf>
    <xf numFmtId="0" fontId="11" fillId="0" borderId="6" xfId="0" applyFont="1" applyBorder="1" applyAlignment="1" applyProtection="1">
      <alignment horizontal="center" vertical="center" wrapText="1"/>
    </xf>
    <xf numFmtId="0" fontId="11" fillId="0" borderId="38" xfId="0" applyFont="1" applyBorder="1" applyAlignment="1" applyProtection="1">
      <alignment horizontal="center" vertical="center" wrapText="1"/>
    </xf>
    <xf numFmtId="0" fontId="11" fillId="0" borderId="12" xfId="0" applyFont="1" applyBorder="1" applyAlignment="1" applyProtection="1">
      <alignment horizontal="center" vertical="center" wrapText="1"/>
    </xf>
    <xf numFmtId="0" fontId="11" fillId="0" borderId="17" xfId="0" applyFont="1" applyBorder="1" applyAlignment="1" applyProtection="1">
      <alignment horizontal="center" vertical="center" wrapText="1"/>
    </xf>
    <xf numFmtId="0" fontId="15" fillId="3" borderId="38" xfId="0" applyFont="1" applyFill="1" applyBorder="1" applyAlignment="1" applyProtection="1">
      <alignment horizontal="center" vertical="center"/>
      <protection locked="0"/>
    </xf>
    <xf numFmtId="0" fontId="15" fillId="3" borderId="12" xfId="0" applyFont="1" applyFill="1" applyBorder="1" applyAlignment="1" applyProtection="1">
      <alignment horizontal="center" vertical="center"/>
      <protection locked="0"/>
    </xf>
    <xf numFmtId="0" fontId="15" fillId="3" borderId="21" xfId="0" applyFont="1" applyFill="1" applyBorder="1" applyAlignment="1" applyProtection="1">
      <alignment horizontal="center" vertical="center"/>
      <protection locked="0"/>
    </xf>
    <xf numFmtId="0" fontId="15" fillId="3" borderId="32" xfId="0" applyFont="1" applyFill="1" applyBorder="1" applyAlignment="1" applyProtection="1">
      <alignment horizontal="center" vertical="center"/>
      <protection locked="0"/>
    </xf>
    <xf numFmtId="0" fontId="0" fillId="0" borderId="7" xfId="0" applyBorder="1" applyAlignment="1" applyProtection="1">
      <alignment horizontal="center" vertical="center" wrapText="1"/>
    </xf>
    <xf numFmtId="0" fontId="0" fillId="0" borderId="8" xfId="0" applyBorder="1" applyAlignment="1" applyProtection="1">
      <alignment horizontal="center" vertical="center" wrapText="1"/>
    </xf>
    <xf numFmtId="0" fontId="0" fillId="0" borderId="9" xfId="0" applyBorder="1" applyAlignment="1" applyProtection="1">
      <alignment horizontal="center" vertical="center" wrapText="1"/>
    </xf>
    <xf numFmtId="0" fontId="11" fillId="0" borderId="18" xfId="0" applyFont="1" applyBorder="1" applyAlignment="1" applyProtection="1">
      <alignment horizontal="center" vertical="center" shrinkToFit="1"/>
    </xf>
    <xf numFmtId="0" fontId="11" fillId="0" borderId="51" xfId="0" applyFont="1" applyBorder="1" applyAlignment="1" applyProtection="1">
      <alignment horizontal="center" vertical="center" shrinkToFit="1"/>
    </xf>
    <xf numFmtId="0" fontId="11" fillId="3" borderId="52" xfId="0" applyFont="1" applyFill="1" applyBorder="1" applyAlignment="1" applyProtection="1">
      <alignment horizontal="center" vertical="center" shrinkToFit="1"/>
      <protection locked="0"/>
    </xf>
    <xf numFmtId="0" fontId="11" fillId="3" borderId="32" xfId="0" applyFont="1" applyFill="1" applyBorder="1" applyAlignment="1" applyProtection="1">
      <alignment horizontal="center" vertical="center" shrinkToFit="1"/>
      <protection locked="0"/>
    </xf>
    <xf numFmtId="0" fontId="11" fillId="7" borderId="37" xfId="0" applyFont="1" applyFill="1" applyBorder="1" applyAlignment="1" applyProtection="1">
      <alignment horizontal="center" vertical="center"/>
    </xf>
    <xf numFmtId="0" fontId="11" fillId="7" borderId="17" xfId="0" applyFont="1" applyFill="1" applyBorder="1" applyAlignment="1" applyProtection="1">
      <alignment horizontal="center" vertical="center"/>
    </xf>
    <xf numFmtId="177" fontId="11" fillId="7" borderId="12" xfId="0" applyNumberFormat="1" applyFont="1" applyFill="1" applyBorder="1" applyAlignment="1" applyProtection="1">
      <alignment horizontal="center" vertical="center"/>
    </xf>
    <xf numFmtId="0" fontId="11" fillId="7" borderId="18" xfId="0" applyFont="1" applyFill="1" applyBorder="1" applyAlignment="1" applyProtection="1">
      <alignment horizontal="center" vertical="center"/>
    </xf>
    <xf numFmtId="0" fontId="11" fillId="7" borderId="32" xfId="0" applyFont="1" applyFill="1" applyBorder="1" applyAlignment="1" applyProtection="1">
      <alignment horizontal="center" vertical="center"/>
    </xf>
    <xf numFmtId="0" fontId="11" fillId="7" borderId="12" xfId="0" applyFont="1" applyFill="1" applyBorder="1" applyAlignment="1" applyProtection="1">
      <alignment horizontal="center" vertical="center" wrapText="1"/>
    </xf>
    <xf numFmtId="0" fontId="23" fillId="0" borderId="8" xfId="0" applyFont="1" applyBorder="1" applyAlignment="1" applyProtection="1">
      <alignment horizontal="center" vertical="center" shrinkToFit="1"/>
      <protection locked="0"/>
    </xf>
    <xf numFmtId="0" fontId="21" fillId="0" borderId="66" xfId="0" applyFont="1" applyBorder="1" applyAlignment="1" applyProtection="1">
      <alignment horizontal="center" vertical="center" wrapText="1"/>
    </xf>
    <xf numFmtId="0" fontId="21" fillId="0" borderId="67" xfId="0" applyFont="1" applyBorder="1" applyAlignment="1" applyProtection="1">
      <alignment horizontal="center" vertical="center" wrapText="1"/>
    </xf>
    <xf numFmtId="0" fontId="21" fillId="0" borderId="68" xfId="0" applyFont="1" applyBorder="1" applyAlignment="1" applyProtection="1">
      <alignment horizontal="center" vertical="center" wrapText="1"/>
    </xf>
    <xf numFmtId="0" fontId="21" fillId="0" borderId="69" xfId="0" applyFont="1" applyBorder="1" applyAlignment="1" applyProtection="1">
      <alignment horizontal="center" vertical="center" wrapText="1"/>
    </xf>
    <xf numFmtId="0" fontId="20" fillId="0" borderId="70" xfId="0" applyFont="1" applyBorder="1" applyAlignment="1" applyProtection="1">
      <alignment horizontal="center" vertical="center"/>
    </xf>
    <xf numFmtId="0" fontId="20" fillId="0" borderId="4" xfId="0" applyFont="1" applyBorder="1" applyAlignment="1" applyProtection="1">
      <alignment horizontal="center" vertical="center"/>
    </xf>
    <xf numFmtId="0" fontId="20" fillId="0" borderId="65" xfId="0" applyFont="1" applyBorder="1" applyAlignment="1" applyProtection="1">
      <alignment horizontal="center" vertical="center"/>
    </xf>
    <xf numFmtId="0" fontId="20" fillId="0" borderId="1" xfId="0" applyFont="1" applyBorder="1" applyAlignment="1" applyProtection="1">
      <alignment horizontal="center" vertical="center"/>
    </xf>
    <xf numFmtId="0" fontId="20" fillId="3" borderId="4" xfId="0" applyFont="1" applyFill="1" applyBorder="1" applyAlignment="1" applyProtection="1">
      <alignment horizontal="center" vertical="center"/>
      <protection locked="0"/>
    </xf>
    <xf numFmtId="0" fontId="20" fillId="3" borderId="1" xfId="0" applyFont="1" applyFill="1" applyBorder="1" applyAlignment="1" applyProtection="1">
      <alignment horizontal="center" vertical="center"/>
      <protection locked="0"/>
    </xf>
    <xf numFmtId="0" fontId="11" fillId="0" borderId="14" xfId="0" applyFont="1" applyBorder="1" applyAlignment="1" applyProtection="1">
      <alignment horizontal="center" vertical="center"/>
    </xf>
    <xf numFmtId="0" fontId="11" fillId="0" borderId="16" xfId="0" applyFont="1" applyBorder="1" applyAlignment="1" applyProtection="1">
      <alignment horizontal="center" vertical="center"/>
    </xf>
    <xf numFmtId="0" fontId="11" fillId="0" borderId="7" xfId="0" applyFont="1" applyBorder="1" applyAlignment="1" applyProtection="1">
      <alignment horizontal="center" vertical="center" wrapText="1"/>
    </xf>
    <xf numFmtId="0" fontId="11" fillId="0" borderId="8" xfId="0" applyFont="1" applyBorder="1" applyAlignment="1" applyProtection="1">
      <alignment horizontal="center" vertical="center" wrapText="1"/>
    </xf>
    <xf numFmtId="0" fontId="11" fillId="0" borderId="9" xfId="0" applyFont="1" applyBorder="1" applyAlignment="1" applyProtection="1">
      <alignment horizontal="center" vertical="center" wrapText="1"/>
    </xf>
    <xf numFmtId="0" fontId="11" fillId="2" borderId="18" xfId="0" applyFont="1" applyFill="1" applyBorder="1" applyAlignment="1" applyProtection="1">
      <alignment horizontal="center" vertical="center"/>
    </xf>
    <xf numFmtId="0" fontId="11" fillId="2" borderId="51" xfId="0" applyFont="1" applyFill="1" applyBorder="1" applyAlignment="1" applyProtection="1">
      <alignment horizontal="center" vertical="center"/>
    </xf>
    <xf numFmtId="0" fontId="11" fillId="3" borderId="32" xfId="0" applyFont="1" applyFill="1" applyBorder="1" applyAlignment="1" applyProtection="1">
      <alignment horizontal="center" vertical="center"/>
      <protection locked="0"/>
    </xf>
    <xf numFmtId="0" fontId="11" fillId="2" borderId="32" xfId="0" applyFont="1" applyFill="1" applyBorder="1" applyAlignment="1" applyProtection="1">
      <alignment horizontal="center" vertical="center"/>
    </xf>
    <xf numFmtId="177" fontId="20" fillId="3" borderId="42" xfId="0" applyNumberFormat="1" applyFont="1" applyFill="1" applyBorder="1" applyAlignment="1" applyProtection="1">
      <alignment horizontal="center" vertical="center"/>
      <protection locked="0"/>
    </xf>
    <xf numFmtId="0" fontId="15" fillId="0" borderId="5" xfId="0" applyFont="1" applyBorder="1" applyAlignment="1" applyProtection="1">
      <alignment horizontal="center" vertical="center"/>
    </xf>
    <xf numFmtId="0" fontId="15" fillId="0" borderId="4" xfId="0" applyFont="1" applyBorder="1" applyAlignment="1" applyProtection="1">
      <alignment horizontal="center" vertical="center"/>
    </xf>
    <xf numFmtId="0" fontId="15" fillId="0" borderId="6" xfId="0" applyFont="1" applyBorder="1" applyAlignment="1" applyProtection="1">
      <alignment horizontal="center" vertical="center"/>
    </xf>
    <xf numFmtId="0" fontId="0" fillId="0" borderId="7" xfId="0" applyBorder="1" applyAlignment="1" applyProtection="1">
      <alignment horizontal="center" vertical="center"/>
    </xf>
    <xf numFmtId="0" fontId="0" fillId="0" borderId="8" xfId="0" applyBorder="1" applyAlignment="1" applyProtection="1">
      <alignment horizontal="center" vertical="center"/>
    </xf>
    <xf numFmtId="0" fontId="0" fillId="0" borderId="9" xfId="0" applyBorder="1" applyAlignment="1" applyProtection="1">
      <alignment horizontal="center" vertical="center"/>
    </xf>
    <xf numFmtId="0" fontId="23" fillId="0" borderId="37" xfId="0" applyFont="1" applyBorder="1" applyAlignment="1" applyProtection="1">
      <alignment horizontal="center" vertical="center" wrapText="1"/>
    </xf>
    <xf numFmtId="0" fontId="23" fillId="0" borderId="12" xfId="0" applyFont="1" applyBorder="1" applyAlignment="1" applyProtection="1">
      <alignment horizontal="center" vertical="center"/>
    </xf>
    <xf numFmtId="0" fontId="23" fillId="0" borderId="17" xfId="0" applyFont="1" applyBorder="1" applyAlignment="1" applyProtection="1">
      <alignment horizontal="center" vertical="center"/>
    </xf>
    <xf numFmtId="0" fontId="15" fillId="3" borderId="38" xfId="0" applyFont="1" applyFill="1" applyBorder="1" applyAlignment="1" applyProtection="1">
      <alignment horizontal="left" vertical="center"/>
      <protection locked="0"/>
    </xf>
    <xf numFmtId="0" fontId="15" fillId="3" borderId="12" xfId="0" applyFont="1" applyFill="1" applyBorder="1" applyAlignment="1" applyProtection="1">
      <alignment horizontal="left" vertical="center"/>
      <protection locked="0"/>
    </xf>
    <xf numFmtId="0" fontId="15" fillId="3" borderId="13" xfId="0" applyFont="1" applyFill="1" applyBorder="1" applyAlignment="1" applyProtection="1">
      <alignment horizontal="left" vertical="center"/>
      <protection locked="0"/>
    </xf>
    <xf numFmtId="0" fontId="15" fillId="0" borderId="14" xfId="0" applyFont="1" applyBorder="1" applyAlignment="1" applyProtection="1">
      <alignment horizontal="center" vertical="center"/>
    </xf>
    <xf numFmtId="0" fontId="15" fillId="0" borderId="16" xfId="0" applyFont="1" applyBorder="1" applyAlignment="1" applyProtection="1">
      <alignment horizontal="center" vertical="center"/>
    </xf>
    <xf numFmtId="0" fontId="20" fillId="0" borderId="0" xfId="0" applyFont="1" applyAlignment="1" applyProtection="1">
      <alignment horizontal="left" vertical="center" shrinkToFit="1"/>
    </xf>
    <xf numFmtId="0" fontId="20" fillId="4" borderId="48" xfId="4" applyFont="1" applyFill="1" applyBorder="1" applyAlignment="1" applyProtection="1">
      <alignment horizontal="left" vertical="center"/>
    </xf>
    <xf numFmtId="0" fontId="20" fillId="3" borderId="48" xfId="4" applyFont="1" applyFill="1" applyBorder="1" applyAlignment="1" applyProtection="1">
      <alignment horizontal="left" vertical="center"/>
      <protection locked="0"/>
    </xf>
    <xf numFmtId="0" fontId="20" fillId="0" borderId="0" xfId="0" applyFont="1" applyAlignment="1" applyProtection="1">
      <alignment horizontal="left" vertical="center"/>
    </xf>
    <xf numFmtId="0" fontId="20" fillId="0" borderId="0" xfId="0" applyFont="1" applyAlignment="1" applyProtection="1">
      <alignment horizontal="center" vertical="center"/>
    </xf>
    <xf numFmtId="49" fontId="20" fillId="3" borderId="48" xfId="4" applyNumberFormat="1" applyFont="1" applyFill="1" applyBorder="1" applyAlignment="1" applyProtection="1">
      <alignment horizontal="center" vertical="center"/>
      <protection locked="0"/>
    </xf>
    <xf numFmtId="0" fontId="6" fillId="0" borderId="0" xfId="0" applyFont="1" applyAlignment="1" applyProtection="1">
      <alignment horizontal="center" vertical="center"/>
    </xf>
    <xf numFmtId="0" fontId="19" fillId="0" borderId="1" xfId="0" applyFont="1" applyBorder="1" applyAlignment="1" applyProtection="1">
      <alignment horizontal="center" vertical="center"/>
    </xf>
    <xf numFmtId="0" fontId="7" fillId="0" borderId="0" xfId="0" applyFont="1" applyAlignment="1" applyProtection="1">
      <alignment horizontal="center" vertical="center"/>
    </xf>
    <xf numFmtId="0" fontId="15" fillId="0" borderId="0" xfId="4" applyFont="1" applyFill="1" applyBorder="1" applyAlignment="1" applyProtection="1">
      <alignment horizontal="center" vertical="center"/>
    </xf>
    <xf numFmtId="0" fontId="20" fillId="4" borderId="42" xfId="4" applyFont="1" applyFill="1" applyBorder="1" applyAlignment="1" applyProtection="1">
      <alignment horizontal="center" vertical="center"/>
    </xf>
    <xf numFmtId="0" fontId="20" fillId="3" borderId="42" xfId="4" applyFont="1" applyFill="1" applyBorder="1" applyAlignment="1" applyProtection="1">
      <alignment horizontal="center" vertical="center"/>
    </xf>
    <xf numFmtId="0" fontId="0" fillId="0" borderId="16" xfId="0" applyBorder="1" applyAlignment="1" applyProtection="1">
      <alignment horizontal="center" vertical="center"/>
    </xf>
    <xf numFmtId="0" fontId="15" fillId="0" borderId="5" xfId="0" applyFont="1" applyBorder="1" applyAlignment="1" applyProtection="1">
      <alignment horizontal="center" vertical="center" wrapText="1"/>
    </xf>
    <xf numFmtId="0" fontId="15" fillId="3" borderId="74" xfId="0" applyFont="1" applyFill="1" applyBorder="1" applyAlignment="1" applyProtection="1">
      <alignment horizontal="left" vertical="center" wrapText="1"/>
      <protection locked="0"/>
    </xf>
    <xf numFmtId="0" fontId="15" fillId="3" borderId="75" xfId="0" applyFont="1" applyFill="1" applyBorder="1" applyAlignment="1" applyProtection="1">
      <alignment horizontal="left" vertical="center" wrapText="1"/>
      <protection locked="0"/>
    </xf>
    <xf numFmtId="0" fontId="15" fillId="3" borderId="76" xfId="0" applyFont="1" applyFill="1" applyBorder="1" applyAlignment="1" applyProtection="1">
      <alignment horizontal="left" vertical="center" wrapText="1"/>
      <protection locked="0"/>
    </xf>
    <xf numFmtId="0" fontId="15" fillId="0" borderId="53" xfId="0" applyFont="1" applyBorder="1" applyAlignment="1" applyProtection="1">
      <alignment horizontal="center" vertical="center"/>
    </xf>
    <xf numFmtId="0" fontId="15" fillId="0" borderId="54" xfId="0" applyFont="1" applyBorder="1" applyAlignment="1" applyProtection="1">
      <alignment horizontal="center" vertical="center"/>
    </xf>
    <xf numFmtId="0" fontId="15" fillId="0" borderId="55" xfId="0" applyFont="1" applyBorder="1" applyAlignment="1" applyProtection="1">
      <alignment horizontal="center" vertical="center"/>
    </xf>
    <xf numFmtId="0" fontId="15" fillId="3" borderId="7" xfId="0" applyFont="1" applyFill="1" applyBorder="1" applyAlignment="1" applyProtection="1">
      <alignment horizontal="left" vertical="center"/>
      <protection locked="0"/>
    </xf>
    <xf numFmtId="0" fontId="15" fillId="3" borderId="8" xfId="0" applyFont="1" applyFill="1" applyBorder="1" applyAlignment="1" applyProtection="1">
      <alignment horizontal="left" vertical="center"/>
      <protection locked="0"/>
    </xf>
    <xf numFmtId="0" fontId="21" fillId="0" borderId="45" xfId="0" applyFont="1" applyBorder="1" applyAlignment="1" applyProtection="1">
      <alignment horizontal="center" vertical="center" wrapText="1"/>
    </xf>
    <xf numFmtId="0" fontId="21" fillId="0" borderId="44" xfId="0" applyFont="1" applyBorder="1" applyAlignment="1" applyProtection="1">
      <alignment horizontal="center" vertical="center" wrapText="1"/>
    </xf>
    <xf numFmtId="0" fontId="15" fillId="0" borderId="15" xfId="0" applyFont="1" applyBorder="1" applyAlignment="1" applyProtection="1">
      <alignment horizontal="center" vertical="center"/>
    </xf>
    <xf numFmtId="0" fontId="15" fillId="0" borderId="14" xfId="4" applyFont="1" applyBorder="1" applyAlignment="1" applyProtection="1">
      <alignment horizontal="center" vertical="center"/>
    </xf>
    <xf numFmtId="0" fontId="15" fillId="0" borderId="15" xfId="4" applyFont="1" applyBorder="1" applyAlignment="1" applyProtection="1">
      <alignment horizontal="center" vertical="center"/>
    </xf>
    <xf numFmtId="0" fontId="15" fillId="0" borderId="16" xfId="4" applyFont="1" applyBorder="1" applyAlignment="1" applyProtection="1">
      <alignment horizontal="center" vertical="center"/>
    </xf>
    <xf numFmtId="0" fontId="20" fillId="4" borderId="49" xfId="4" applyFont="1" applyFill="1" applyBorder="1" applyAlignment="1" applyProtection="1">
      <alignment horizontal="left" vertical="center"/>
    </xf>
    <xf numFmtId="0" fontId="20" fillId="3" borderId="49" xfId="4" applyFont="1" applyFill="1" applyBorder="1" applyAlignment="1" applyProtection="1">
      <alignment horizontal="left" vertical="center"/>
      <protection locked="0"/>
    </xf>
    <xf numFmtId="49" fontId="20" fillId="0" borderId="0" xfId="4" applyNumberFormat="1" applyFont="1" applyFill="1" applyBorder="1" applyAlignment="1" applyProtection="1">
      <alignment horizontal="center" vertical="center"/>
    </xf>
    <xf numFmtId="0" fontId="24" fillId="4" borderId="49" xfId="0" applyFont="1" applyFill="1" applyBorder="1" applyAlignment="1" applyProtection="1">
      <alignment horizontal="center" vertical="center"/>
    </xf>
    <xf numFmtId="0" fontId="15" fillId="0" borderId="25" xfId="0" applyFont="1" applyBorder="1" applyAlignment="1" applyProtection="1">
      <alignment horizontal="center" vertical="center"/>
    </xf>
    <xf numFmtId="0" fontId="15" fillId="0" borderId="26" xfId="0" applyFont="1" applyBorder="1" applyAlignment="1" applyProtection="1">
      <alignment horizontal="center" vertical="center"/>
    </xf>
    <xf numFmtId="0" fontId="15" fillId="0" borderId="28" xfId="0" applyFont="1" applyBorder="1" applyAlignment="1" applyProtection="1">
      <alignment horizontal="center" vertical="center"/>
    </xf>
    <xf numFmtId="0" fontId="15" fillId="0" borderId="27" xfId="0" applyFont="1" applyBorder="1" applyAlignment="1" applyProtection="1">
      <alignment horizontal="center" vertical="center"/>
    </xf>
    <xf numFmtId="0" fontId="23" fillId="0" borderId="8" xfId="0" applyFont="1" applyBorder="1" applyAlignment="1" applyProtection="1">
      <alignment horizontal="left" vertical="center"/>
      <protection locked="0"/>
    </xf>
    <xf numFmtId="0" fontId="20" fillId="0" borderId="6" xfId="0" applyFont="1" applyBorder="1" applyAlignment="1" applyProtection="1">
      <alignment horizontal="center" vertical="center"/>
    </xf>
    <xf numFmtId="0" fontId="20" fillId="0" borderId="41" xfId="0" applyFont="1" applyBorder="1" applyAlignment="1" applyProtection="1">
      <alignment horizontal="center" vertical="center"/>
    </xf>
    <xf numFmtId="0" fontId="15" fillId="0" borderId="7" xfId="0" applyFont="1" applyBorder="1" applyAlignment="1" applyProtection="1">
      <alignment horizontal="center" vertical="center"/>
    </xf>
    <xf numFmtId="0" fontId="15" fillId="0" borderId="8" xfId="0" applyFont="1" applyBorder="1" applyAlignment="1" applyProtection="1">
      <alignment horizontal="center" vertical="center"/>
    </xf>
    <xf numFmtId="0" fontId="15" fillId="0" borderId="9" xfId="0" applyFont="1" applyBorder="1" applyAlignment="1" applyProtection="1">
      <alignment horizontal="center" vertical="center"/>
    </xf>
    <xf numFmtId="0" fontId="20" fillId="3" borderId="32" xfId="0" applyFont="1" applyFill="1" applyBorder="1" applyAlignment="1" applyProtection="1">
      <alignment horizontal="center" vertical="center"/>
      <protection locked="0"/>
    </xf>
    <xf numFmtId="0" fontId="11" fillId="2" borderId="18" xfId="0" applyFont="1" applyFill="1" applyBorder="1" applyAlignment="1" applyProtection="1">
      <alignment horizontal="center" vertical="center" wrapText="1"/>
    </xf>
    <xf numFmtId="0" fontId="11" fillId="2" borderId="32" xfId="0" applyFont="1" applyFill="1" applyBorder="1" applyAlignment="1" applyProtection="1">
      <alignment horizontal="center" vertical="center" wrapText="1"/>
    </xf>
    <xf numFmtId="0" fontId="11" fillId="2" borderId="11" xfId="0" applyFont="1" applyFill="1" applyBorder="1" applyAlignment="1" applyProtection="1">
      <alignment horizontal="center" vertical="center" wrapText="1"/>
    </xf>
    <xf numFmtId="0" fontId="11" fillId="2" borderId="0" xfId="0" applyFont="1" applyFill="1" applyBorder="1" applyAlignment="1" applyProtection="1">
      <alignment horizontal="center" vertical="center" wrapText="1"/>
    </xf>
    <xf numFmtId="0" fontId="11" fillId="3" borderId="0" xfId="0" applyFont="1" applyFill="1" applyBorder="1" applyAlignment="1" applyProtection="1">
      <alignment horizontal="center" vertical="center"/>
      <protection locked="0"/>
    </xf>
    <xf numFmtId="0" fontId="11" fillId="3" borderId="1" xfId="0" applyFont="1" applyFill="1" applyBorder="1" applyAlignment="1" applyProtection="1">
      <alignment horizontal="center" vertical="center"/>
      <protection locked="0"/>
    </xf>
    <xf numFmtId="0" fontId="20" fillId="3" borderId="22" xfId="0" applyFont="1" applyFill="1" applyBorder="1" applyAlignment="1" applyProtection="1">
      <alignment horizontal="center" vertical="center"/>
      <protection locked="0"/>
    </xf>
    <xf numFmtId="0" fontId="20" fillId="0" borderId="22" xfId="0" applyFont="1" applyBorder="1" applyAlignment="1" applyProtection="1">
      <alignment horizontal="center" vertical="center"/>
    </xf>
    <xf numFmtId="0" fontId="20" fillId="0" borderId="23" xfId="0" applyFont="1" applyBorder="1" applyAlignment="1" applyProtection="1">
      <alignment horizontal="center" vertical="center"/>
    </xf>
    <xf numFmtId="0" fontId="11" fillId="2" borderId="19" xfId="0" applyFont="1" applyFill="1" applyBorder="1" applyAlignment="1" applyProtection="1">
      <alignment horizontal="center" vertical="center" wrapText="1"/>
    </xf>
    <xf numFmtId="0" fontId="11" fillId="2" borderId="20" xfId="0" applyFont="1" applyFill="1" applyBorder="1" applyAlignment="1" applyProtection="1">
      <alignment horizontal="center" vertical="center" wrapText="1"/>
    </xf>
    <xf numFmtId="0" fontId="11" fillId="3" borderId="22" xfId="0" applyFont="1" applyFill="1" applyBorder="1" applyAlignment="1" applyProtection="1">
      <alignment horizontal="center" vertical="center"/>
      <protection locked="0"/>
    </xf>
    <xf numFmtId="0" fontId="15" fillId="3" borderId="22" xfId="0" applyFont="1" applyFill="1" applyBorder="1" applyAlignment="1" applyProtection="1">
      <alignment horizontal="center" vertical="center"/>
      <protection locked="0"/>
    </xf>
    <xf numFmtId="0" fontId="11" fillId="0" borderId="22" xfId="0" applyFont="1" applyBorder="1" applyAlignment="1" applyProtection="1">
      <alignment horizontal="center" vertical="center"/>
    </xf>
    <xf numFmtId="0" fontId="11" fillId="0" borderId="23" xfId="0" applyFont="1" applyBorder="1" applyAlignment="1" applyProtection="1">
      <alignment horizontal="center" vertical="center"/>
    </xf>
    <xf numFmtId="0" fontId="15" fillId="0" borderId="34" xfId="0" applyFont="1" applyBorder="1" applyAlignment="1" applyProtection="1">
      <alignment horizontal="center" vertical="center"/>
    </xf>
    <xf numFmtId="0" fontId="15" fillId="0" borderId="22" xfId="0" applyFont="1" applyBorder="1" applyAlignment="1" applyProtection="1">
      <alignment horizontal="center" vertical="center"/>
    </xf>
    <xf numFmtId="0" fontId="15" fillId="0" borderId="35" xfId="0" applyFont="1" applyBorder="1" applyAlignment="1" applyProtection="1">
      <alignment horizontal="center" vertical="center"/>
    </xf>
    <xf numFmtId="0" fontId="11" fillId="0" borderId="36" xfId="0" applyFont="1" applyBorder="1" applyAlignment="1" applyProtection="1">
      <alignment horizontal="center" vertical="center"/>
    </xf>
    <xf numFmtId="0" fontId="15" fillId="0" borderId="5" xfId="0" applyFont="1" applyBorder="1" applyAlignment="1" applyProtection="1">
      <alignment horizontal="center" vertical="center" wrapText="1" shrinkToFit="1"/>
    </xf>
    <xf numFmtId="0" fontId="15" fillId="0" borderId="4" xfId="0" applyFont="1" applyBorder="1" applyAlignment="1" applyProtection="1">
      <alignment horizontal="center" vertical="center" wrapText="1" shrinkToFit="1"/>
    </xf>
    <xf numFmtId="0" fontId="15" fillId="0" borderId="6" xfId="0" applyFont="1" applyBorder="1" applyAlignment="1" applyProtection="1">
      <alignment horizontal="center" vertical="center" wrapText="1" shrinkToFit="1"/>
    </xf>
    <xf numFmtId="0" fontId="15" fillId="0" borderId="11" xfId="0" applyFont="1" applyBorder="1" applyAlignment="1" applyProtection="1">
      <alignment horizontal="center" vertical="center" wrapText="1" shrinkToFit="1"/>
    </xf>
    <xf numFmtId="0" fontId="15" fillId="0" borderId="0" xfId="0" applyFont="1" applyBorder="1" applyAlignment="1" applyProtection="1">
      <alignment horizontal="center" vertical="center" wrapText="1" shrinkToFit="1"/>
    </xf>
    <xf numFmtId="0" fontId="15" fillId="0" borderId="2" xfId="0" applyFont="1" applyBorder="1" applyAlignment="1" applyProtection="1">
      <alignment horizontal="center" vertical="center" wrapText="1" shrinkToFit="1"/>
    </xf>
    <xf numFmtId="0" fontId="15" fillId="0" borderId="7" xfId="0" applyFont="1" applyBorder="1" applyAlignment="1" applyProtection="1">
      <alignment horizontal="center" vertical="center" wrapText="1" shrinkToFit="1"/>
    </xf>
    <xf numFmtId="0" fontId="15" fillId="0" borderId="8" xfId="0" applyFont="1" applyBorder="1" applyAlignment="1" applyProtection="1">
      <alignment horizontal="center" vertical="center" wrapText="1" shrinkToFit="1"/>
    </xf>
    <xf numFmtId="0" fontId="15" fillId="0" borderId="9" xfId="0" applyFont="1" applyBorder="1" applyAlignment="1" applyProtection="1">
      <alignment horizontal="center" vertical="center" wrapText="1" shrinkToFit="1"/>
    </xf>
    <xf numFmtId="0" fontId="11" fillId="2" borderId="37" xfId="0" applyFont="1" applyFill="1" applyBorder="1" applyAlignment="1" applyProtection="1">
      <alignment horizontal="center" vertical="center"/>
    </xf>
    <xf numFmtId="0" fontId="11" fillId="2" borderId="12" xfId="0" applyFont="1" applyFill="1" applyBorder="1" applyAlignment="1" applyProtection="1">
      <alignment horizontal="center" vertical="center"/>
    </xf>
    <xf numFmtId="0" fontId="11" fillId="3" borderId="12" xfId="0" applyFont="1" applyFill="1" applyBorder="1" applyAlignment="1" applyProtection="1">
      <alignment horizontal="center" vertical="center"/>
      <protection locked="0"/>
    </xf>
    <xf numFmtId="0" fontId="11" fillId="0" borderId="12" xfId="0" applyFont="1" applyBorder="1" applyAlignment="1" applyProtection="1">
      <alignment horizontal="center" vertical="center"/>
    </xf>
    <xf numFmtId="0" fontId="11" fillId="0" borderId="13" xfId="0" applyFont="1" applyBorder="1" applyAlignment="1" applyProtection="1">
      <alignment horizontal="center" vertical="center"/>
    </xf>
    <xf numFmtId="176" fontId="11" fillId="3" borderId="22" xfId="0" applyNumberFormat="1" applyFont="1" applyFill="1" applyBorder="1" applyAlignment="1" applyProtection="1">
      <alignment horizontal="center" vertical="center"/>
      <protection locked="0"/>
    </xf>
    <xf numFmtId="0" fontId="15" fillId="0" borderId="23" xfId="0" applyFont="1" applyBorder="1" applyAlignment="1" applyProtection="1">
      <alignment horizontal="center" vertical="center"/>
    </xf>
    <xf numFmtId="0" fontId="21" fillId="4" borderId="32" xfId="0" applyFont="1" applyFill="1" applyBorder="1" applyAlignment="1" applyProtection="1">
      <alignment horizontal="center" vertical="center" wrapText="1"/>
    </xf>
    <xf numFmtId="176" fontId="20" fillId="3" borderId="39" xfId="0" applyNumberFormat="1" applyFont="1" applyFill="1" applyBorder="1" applyAlignment="1" applyProtection="1">
      <alignment horizontal="center" vertical="center"/>
      <protection locked="0"/>
    </xf>
    <xf numFmtId="176" fontId="20" fillId="3" borderId="32" xfId="0" applyNumberFormat="1" applyFont="1" applyFill="1" applyBorder="1" applyAlignment="1" applyProtection="1">
      <alignment horizontal="center" vertical="center"/>
      <protection locked="0"/>
    </xf>
    <xf numFmtId="0" fontId="15" fillId="3" borderId="1" xfId="0" applyFont="1" applyFill="1" applyBorder="1" applyAlignment="1" applyProtection="1">
      <alignment horizontal="center" vertical="center"/>
      <protection locked="0"/>
    </xf>
    <xf numFmtId="0" fontId="15" fillId="0" borderId="40" xfId="0" applyFont="1" applyBorder="1" applyAlignment="1" applyProtection="1">
      <alignment horizontal="center" vertical="center"/>
    </xf>
    <xf numFmtId="0" fontId="11" fillId="0" borderId="22" xfId="0" applyFont="1" applyBorder="1" applyAlignment="1" applyProtection="1">
      <alignment horizontal="center" vertical="center" shrinkToFit="1"/>
    </xf>
    <xf numFmtId="0" fontId="11" fillId="0" borderId="23" xfId="0" applyFont="1" applyBorder="1" applyAlignment="1" applyProtection="1">
      <alignment horizontal="center" vertical="center" shrinkToFit="1"/>
    </xf>
    <xf numFmtId="0" fontId="7" fillId="0" borderId="4" xfId="0" applyFont="1" applyBorder="1" applyAlignment="1" applyProtection="1">
      <alignment horizontal="right" vertical="center"/>
    </xf>
    <xf numFmtId="0" fontId="20" fillId="7" borderId="30" xfId="0" applyFont="1" applyFill="1" applyBorder="1" applyAlignment="1" applyProtection="1">
      <alignment horizontal="center" vertical="center"/>
    </xf>
    <xf numFmtId="0" fontId="20" fillId="7" borderId="31" xfId="0" applyFont="1" applyFill="1" applyBorder="1" applyAlignment="1" applyProtection="1">
      <alignment horizontal="center" vertical="center"/>
    </xf>
    <xf numFmtId="0" fontId="11" fillId="0" borderId="3" xfId="0" applyFont="1" applyBorder="1" applyAlignment="1" applyProtection="1">
      <alignment horizontal="center" vertical="center" shrinkToFit="1"/>
    </xf>
    <xf numFmtId="0" fontId="11" fillId="0" borderId="10" xfId="0" applyFont="1" applyBorder="1" applyAlignment="1" applyProtection="1">
      <alignment horizontal="center" vertical="center" shrinkToFit="1"/>
    </xf>
    <xf numFmtId="0" fontId="11" fillId="3" borderId="3" xfId="0" applyFont="1" applyFill="1" applyBorder="1" applyAlignment="1" applyProtection="1">
      <alignment horizontal="center" vertical="center" shrinkToFit="1"/>
      <protection locked="0"/>
    </xf>
    <xf numFmtId="0" fontId="11" fillId="3" borderId="4" xfId="0" applyFont="1" applyFill="1" applyBorder="1" applyAlignment="1" applyProtection="1">
      <alignment horizontal="center" vertical="center" shrinkToFit="1"/>
      <protection locked="0"/>
    </xf>
    <xf numFmtId="0" fontId="11" fillId="7" borderId="29" xfId="0" applyFont="1" applyFill="1" applyBorder="1" applyAlignment="1" applyProtection="1">
      <alignment horizontal="center" vertical="center"/>
    </xf>
    <xf numFmtId="0" fontId="11" fillId="7" borderId="30" xfId="0" applyFont="1" applyFill="1" applyBorder="1" applyAlignment="1" applyProtection="1">
      <alignment horizontal="center" vertical="center"/>
    </xf>
    <xf numFmtId="0" fontId="11" fillId="7" borderId="31" xfId="0" applyFont="1" applyFill="1" applyBorder="1" applyAlignment="1" applyProtection="1">
      <alignment horizontal="center" vertical="center"/>
    </xf>
    <xf numFmtId="0" fontId="11" fillId="7" borderId="32" xfId="0" applyFont="1" applyFill="1" applyBorder="1" applyAlignment="1" applyProtection="1">
      <alignment horizontal="center" vertical="center" shrinkToFit="1"/>
      <protection locked="0"/>
    </xf>
    <xf numFmtId="0" fontId="15" fillId="7" borderId="32" xfId="0" applyFont="1" applyFill="1" applyBorder="1" applyAlignment="1" applyProtection="1">
      <alignment horizontal="center" vertical="center"/>
      <protection locked="0"/>
    </xf>
    <xf numFmtId="0" fontId="15" fillId="0" borderId="24" xfId="0" applyFont="1" applyBorder="1" applyAlignment="1" applyProtection="1">
      <alignment horizontal="center" vertical="center" wrapText="1"/>
    </xf>
    <xf numFmtId="0" fontId="15" fillId="0" borderId="24" xfId="0" applyFont="1" applyBorder="1" applyAlignment="1" applyProtection="1">
      <alignment horizontal="center" vertical="center"/>
    </xf>
    <xf numFmtId="0" fontId="15" fillId="0" borderId="16" xfId="0" applyFont="1" applyBorder="1" applyAlignment="1" applyProtection="1">
      <alignment horizontal="center" vertical="center" wrapText="1"/>
    </xf>
    <xf numFmtId="0" fontId="15" fillId="0" borderId="29" xfId="0" applyFont="1" applyBorder="1" applyAlignment="1" applyProtection="1">
      <alignment horizontal="left" vertical="center" wrapText="1"/>
      <protection locked="0"/>
    </xf>
    <xf numFmtId="0" fontId="15" fillId="0" borderId="30" xfId="0" applyFont="1" applyBorder="1" applyAlignment="1" applyProtection="1">
      <alignment horizontal="left" vertical="center"/>
      <protection locked="0"/>
    </xf>
    <xf numFmtId="0" fontId="15" fillId="0" borderId="31" xfId="0" applyFont="1" applyBorder="1" applyAlignment="1" applyProtection="1">
      <alignment horizontal="left" vertical="center"/>
      <protection locked="0"/>
    </xf>
    <xf numFmtId="0" fontId="33" fillId="3" borderId="0" xfId="0" applyFont="1" applyFill="1" applyBorder="1" applyAlignment="1" applyProtection="1">
      <alignment horizontal="center" vertical="center"/>
      <protection locked="0"/>
    </xf>
    <xf numFmtId="0" fontId="11" fillId="0" borderId="38" xfId="0" applyFont="1" applyFill="1" applyBorder="1" applyAlignment="1" applyProtection="1">
      <alignment horizontal="left" vertical="center" shrinkToFit="1"/>
      <protection locked="0"/>
    </xf>
    <xf numFmtId="0" fontId="11" fillId="0" borderId="12" xfId="0" applyFont="1" applyFill="1" applyBorder="1" applyAlignment="1" applyProtection="1">
      <alignment horizontal="left" vertical="center" shrinkToFit="1"/>
      <protection locked="0"/>
    </xf>
    <xf numFmtId="0" fontId="11" fillId="0" borderId="13" xfId="0" applyFont="1" applyFill="1" applyBorder="1" applyAlignment="1" applyProtection="1">
      <alignment horizontal="left" vertical="center" shrinkToFit="1"/>
      <protection locked="0"/>
    </xf>
    <xf numFmtId="0" fontId="11" fillId="0" borderId="14" xfId="0" applyFont="1" applyFill="1" applyBorder="1" applyAlignment="1" applyProtection="1">
      <alignment horizontal="center" vertical="center"/>
    </xf>
    <xf numFmtId="0" fontId="0" fillId="0" borderId="16" xfId="0" applyFill="1" applyBorder="1" applyAlignment="1" applyProtection="1">
      <alignment horizontal="center" vertical="center"/>
    </xf>
    <xf numFmtId="0" fontId="11" fillId="0" borderId="5" xfId="0" applyFont="1" applyFill="1" applyBorder="1" applyAlignment="1" applyProtection="1">
      <alignment horizontal="center" vertical="center" wrapText="1"/>
    </xf>
    <xf numFmtId="0" fontId="11" fillId="0" borderId="4" xfId="0" applyFont="1" applyFill="1" applyBorder="1" applyAlignment="1" applyProtection="1">
      <alignment horizontal="center" vertical="center" wrapText="1"/>
    </xf>
    <xf numFmtId="0" fontId="11" fillId="0" borderId="6" xfId="0" applyFont="1" applyFill="1" applyBorder="1" applyAlignment="1" applyProtection="1">
      <alignment horizontal="center" vertical="center" wrapText="1"/>
    </xf>
    <xf numFmtId="0" fontId="0" fillId="0" borderId="7" xfId="0" applyFill="1" applyBorder="1" applyAlignment="1" applyProtection="1">
      <alignment horizontal="center" vertical="center" wrapText="1"/>
    </xf>
    <xf numFmtId="0" fontId="0" fillId="0" borderId="8" xfId="0" applyFill="1" applyBorder="1" applyAlignment="1" applyProtection="1">
      <alignment horizontal="center" vertical="center" wrapText="1"/>
    </xf>
    <xf numFmtId="0" fontId="0" fillId="0" borderId="9" xfId="0" applyFill="1" applyBorder="1" applyAlignment="1" applyProtection="1">
      <alignment horizontal="center" vertical="center" wrapText="1"/>
    </xf>
    <xf numFmtId="0" fontId="11" fillId="0" borderId="38" xfId="0" applyFont="1" applyFill="1" applyBorder="1" applyAlignment="1" applyProtection="1">
      <alignment horizontal="center" vertical="center"/>
    </xf>
    <xf numFmtId="0" fontId="0" fillId="0" borderId="17" xfId="0" applyFill="1" applyBorder="1" applyAlignment="1" applyProtection="1">
      <alignment horizontal="center" vertical="center"/>
    </xf>
    <xf numFmtId="0" fontId="11" fillId="0" borderId="18" xfId="0" applyFont="1" applyFill="1" applyBorder="1" applyAlignment="1" applyProtection="1">
      <alignment horizontal="center" vertical="center" shrinkToFit="1"/>
    </xf>
    <xf numFmtId="0" fontId="11" fillId="0" borderId="51" xfId="0" applyFont="1" applyFill="1" applyBorder="1" applyAlignment="1" applyProtection="1">
      <alignment horizontal="center" vertical="center" shrinkToFit="1"/>
    </xf>
    <xf numFmtId="0" fontId="11" fillId="0" borderId="15" xfId="0" applyFont="1" applyBorder="1" applyAlignment="1" applyProtection="1">
      <alignment horizontal="center" vertical="center"/>
    </xf>
    <xf numFmtId="0" fontId="11" fillId="0" borderId="11" xfId="0" applyFont="1" applyBorder="1" applyAlignment="1" applyProtection="1">
      <alignment horizontal="center" vertical="center" wrapText="1"/>
    </xf>
    <xf numFmtId="0" fontId="11" fillId="0" borderId="0" xfId="0" applyFont="1" applyBorder="1" applyAlignment="1" applyProtection="1">
      <alignment horizontal="center" vertical="center" wrapText="1"/>
    </xf>
    <xf numFmtId="0" fontId="11" fillId="0" borderId="2" xfId="0" applyFont="1" applyBorder="1" applyAlignment="1" applyProtection="1">
      <alignment horizontal="center" vertical="center" wrapText="1"/>
    </xf>
    <xf numFmtId="0" fontId="23" fillId="0" borderId="64" xfId="0" applyFont="1" applyBorder="1" applyAlignment="1" applyProtection="1">
      <alignment horizontal="center" vertical="center"/>
    </xf>
    <xf numFmtId="0" fontId="23" fillId="0" borderId="71" xfId="0" applyFont="1" applyBorder="1" applyAlignment="1" applyProtection="1">
      <alignment horizontal="center" vertical="center"/>
    </xf>
    <xf numFmtId="0" fontId="23" fillId="0" borderId="59" xfId="0" applyFont="1" applyBorder="1" applyAlignment="1" applyProtection="1">
      <alignment horizontal="center" vertical="center"/>
      <protection locked="0"/>
    </xf>
    <xf numFmtId="0" fontId="23" fillId="0" borderId="73" xfId="0" applyFont="1" applyBorder="1" applyAlignment="1" applyProtection="1">
      <alignment horizontal="center" vertical="center"/>
      <protection locked="0"/>
    </xf>
    <xf numFmtId="0" fontId="11" fillId="7" borderId="14" xfId="0" applyFont="1" applyFill="1" applyBorder="1" applyAlignment="1" applyProtection="1">
      <alignment horizontal="center" vertical="center"/>
    </xf>
    <xf numFmtId="0" fontId="11" fillId="7" borderId="15" xfId="0" applyFont="1" applyFill="1" applyBorder="1" applyAlignment="1" applyProtection="1">
      <alignment horizontal="center" vertical="center"/>
    </xf>
    <xf numFmtId="0" fontId="11" fillId="7" borderId="5" xfId="0" applyFont="1" applyFill="1" applyBorder="1" applyAlignment="1" applyProtection="1">
      <alignment horizontal="center" vertical="center" wrapText="1"/>
    </xf>
    <xf numFmtId="0" fontId="11" fillId="7" borderId="4" xfId="0" applyFont="1" applyFill="1" applyBorder="1" applyAlignment="1" applyProtection="1">
      <alignment horizontal="center" vertical="center" wrapText="1"/>
    </xf>
    <xf numFmtId="0" fontId="11" fillId="7" borderId="6" xfId="0" applyFont="1" applyFill="1" applyBorder="1" applyAlignment="1" applyProtection="1">
      <alignment horizontal="center" vertical="center" wrapText="1"/>
    </xf>
    <xf numFmtId="0" fontId="11" fillId="7" borderId="11" xfId="0" applyFont="1" applyFill="1" applyBorder="1" applyAlignment="1" applyProtection="1">
      <alignment horizontal="center" vertical="center" wrapText="1"/>
    </xf>
    <xf numFmtId="0" fontId="11" fillId="7" borderId="0" xfId="0" applyFont="1" applyFill="1" applyBorder="1" applyAlignment="1" applyProtection="1">
      <alignment horizontal="center" vertical="center" wrapText="1"/>
    </xf>
    <xf numFmtId="0" fontId="11" fillId="7" borderId="2" xfId="0" applyFont="1" applyFill="1" applyBorder="1" applyAlignment="1" applyProtection="1">
      <alignment horizontal="center" vertical="center" wrapText="1"/>
    </xf>
    <xf numFmtId="0" fontId="11" fillId="2" borderId="33" xfId="0" applyFont="1" applyFill="1" applyBorder="1" applyAlignment="1" applyProtection="1">
      <alignment horizontal="center" vertical="center"/>
    </xf>
    <xf numFmtId="0" fontId="11" fillId="7" borderId="51" xfId="0" applyFont="1" applyFill="1" applyBorder="1" applyAlignment="1" applyProtection="1">
      <alignment horizontal="center" vertical="center"/>
    </xf>
    <xf numFmtId="176" fontId="11" fillId="7" borderId="52" xfId="0" applyNumberFormat="1" applyFont="1" applyFill="1" applyBorder="1" applyAlignment="1" applyProtection="1">
      <alignment horizontal="center" vertical="center"/>
    </xf>
    <xf numFmtId="176" fontId="11" fillId="7" borderId="32" xfId="0" applyNumberFormat="1" applyFont="1" applyFill="1" applyBorder="1" applyAlignment="1" applyProtection="1">
      <alignment horizontal="center" vertical="center"/>
    </xf>
    <xf numFmtId="0" fontId="11" fillId="7" borderId="33" xfId="0" applyFont="1" applyFill="1" applyBorder="1" applyAlignment="1" applyProtection="1">
      <alignment horizontal="center" vertical="center"/>
    </xf>
    <xf numFmtId="0" fontId="11" fillId="0" borderId="32" xfId="0" applyFont="1" applyBorder="1" applyAlignment="1" applyProtection="1">
      <alignment horizontal="center" vertical="center"/>
    </xf>
    <xf numFmtId="0" fontId="11" fillId="0" borderId="33" xfId="0" applyFont="1" applyBorder="1" applyAlignment="1" applyProtection="1">
      <alignment horizontal="center" vertical="center"/>
    </xf>
    <xf numFmtId="0" fontId="11" fillId="7" borderId="12" xfId="0" applyFont="1" applyFill="1" applyBorder="1" applyAlignment="1" applyProtection="1">
      <alignment horizontal="center" vertical="center"/>
    </xf>
    <xf numFmtId="0" fontId="37" fillId="0" borderId="5" xfId="0" applyFont="1" applyBorder="1" applyAlignment="1" applyProtection="1">
      <alignment horizontal="center" vertical="center"/>
    </xf>
    <xf numFmtId="0" fontId="37" fillId="0" borderId="4" xfId="0" applyFont="1" applyBorder="1" applyAlignment="1" applyProtection="1">
      <alignment horizontal="center" vertical="center"/>
    </xf>
    <xf numFmtId="0" fontId="37" fillId="0" borderId="6" xfId="0" applyFont="1" applyBorder="1" applyAlignment="1" applyProtection="1">
      <alignment horizontal="center" vertical="center"/>
    </xf>
    <xf numFmtId="0" fontId="37" fillId="0" borderId="11" xfId="0" applyFont="1" applyBorder="1" applyAlignment="1" applyProtection="1">
      <alignment horizontal="center" vertical="center"/>
    </xf>
    <xf numFmtId="0" fontId="37" fillId="0" borderId="0" xfId="0" applyFont="1" applyBorder="1" applyAlignment="1" applyProtection="1">
      <alignment horizontal="center" vertical="center"/>
    </xf>
    <xf numFmtId="0" fontId="37" fillId="0" borderId="2" xfId="0" applyFont="1" applyBorder="1" applyAlignment="1" applyProtection="1">
      <alignment horizontal="center" vertical="center"/>
    </xf>
    <xf numFmtId="0" fontId="37" fillId="0" borderId="7" xfId="0" applyFont="1" applyBorder="1" applyAlignment="1" applyProtection="1">
      <alignment horizontal="center" vertical="center"/>
    </xf>
    <xf numFmtId="0" fontId="37" fillId="0" borderId="8" xfId="0" applyFont="1" applyBorder="1" applyAlignment="1" applyProtection="1">
      <alignment horizontal="center" vertical="center"/>
    </xf>
    <xf numFmtId="0" fontId="37" fillId="0" borderId="9" xfId="0" applyFont="1" applyBorder="1" applyAlignment="1" applyProtection="1">
      <alignment horizontal="center" vertical="center"/>
    </xf>
    <xf numFmtId="0" fontId="39" fillId="0" borderId="0" xfId="0" applyFont="1" applyAlignment="1" applyProtection="1">
      <alignment horizontal="center" vertical="center"/>
    </xf>
    <xf numFmtId="0" fontId="39" fillId="0" borderId="77" xfId="0" applyFont="1" applyBorder="1" applyAlignment="1" applyProtection="1">
      <alignment horizontal="left" vertical="center"/>
    </xf>
    <xf numFmtId="0" fontId="42" fillId="0" borderId="77" xfId="0" applyFont="1" applyBorder="1" applyAlignment="1" applyProtection="1">
      <alignment horizontal="left" vertical="center"/>
    </xf>
    <xf numFmtId="0" fontId="43" fillId="0" borderId="77" xfId="0" applyFont="1" applyBorder="1" applyAlignment="1" applyProtection="1">
      <alignment horizontal="left" vertical="center"/>
    </xf>
    <xf numFmtId="0" fontId="45" fillId="0" borderId="77" xfId="0" applyFont="1" applyBorder="1" applyAlignment="1" applyProtection="1">
      <alignment horizontal="left" vertical="center"/>
    </xf>
    <xf numFmtId="0" fontId="46" fillId="0" borderId="77" xfId="0" applyFont="1" applyBorder="1" applyAlignment="1" applyProtection="1">
      <alignment horizontal="left" vertical="center"/>
    </xf>
    <xf numFmtId="0" fontId="6" fillId="0" borderId="0" xfId="0" applyFont="1" applyBorder="1" applyAlignment="1" applyProtection="1">
      <alignment horizontal="center" vertical="center"/>
    </xf>
    <xf numFmtId="0" fontId="43" fillId="0" borderId="77" xfId="0" applyFont="1" applyBorder="1" applyAlignment="1" applyProtection="1">
      <alignment horizontal="left" vertical="center" wrapText="1"/>
    </xf>
    <xf numFmtId="0" fontId="7" fillId="0" borderId="0" xfId="0" applyFont="1" applyBorder="1" applyAlignment="1" applyProtection="1">
      <alignment horizontal="center" vertical="center"/>
    </xf>
    <xf numFmtId="0" fontId="20" fillId="0" borderId="0" xfId="0" applyFont="1" applyBorder="1" applyAlignment="1" applyProtection="1">
      <alignment horizontal="left" vertical="center"/>
    </xf>
    <xf numFmtId="0" fontId="20" fillId="0" borderId="0" xfId="0" applyFont="1" applyBorder="1" applyAlignment="1" applyProtection="1">
      <alignment horizontal="left" vertical="center" shrinkToFit="1"/>
    </xf>
    <xf numFmtId="0" fontId="20" fillId="0" borderId="0" xfId="0" applyFont="1" applyBorder="1" applyAlignment="1" applyProtection="1">
      <alignment horizontal="center" vertical="center"/>
    </xf>
    <xf numFmtId="0" fontId="12" fillId="0" borderId="50" xfId="0" applyFont="1" applyBorder="1" applyAlignment="1">
      <alignment vertical="center"/>
    </xf>
    <xf numFmtId="0" fontId="11" fillId="0" borderId="0" xfId="0" applyFont="1" applyAlignment="1">
      <alignment horizontal="center" vertical="center"/>
    </xf>
    <xf numFmtId="0" fontId="12" fillId="0" borderId="84" xfId="0" applyFont="1" applyBorder="1" applyAlignment="1">
      <alignment horizontal="left" vertical="center"/>
    </xf>
    <xf numFmtId="0" fontId="12" fillId="0" borderId="59" xfId="0" applyFont="1" applyBorder="1" applyAlignment="1">
      <alignment horizontal="left" vertical="center"/>
    </xf>
    <xf numFmtId="0" fontId="12" fillId="0" borderId="50" xfId="0" applyFont="1" applyBorder="1" applyAlignment="1">
      <alignment vertical="center" shrinkToFit="1"/>
    </xf>
    <xf numFmtId="0" fontId="12" fillId="0" borderId="84" xfId="0" applyFont="1" applyBorder="1" applyAlignment="1">
      <alignment vertical="center" wrapText="1"/>
    </xf>
    <xf numFmtId="0" fontId="0" fillId="0" borderId="59" xfId="0" applyBorder="1" applyAlignment="1">
      <alignment vertical="center" wrapText="1"/>
    </xf>
    <xf numFmtId="0" fontId="12" fillId="0" borderId="60" xfId="0" applyFont="1" applyBorder="1" applyAlignment="1">
      <alignment vertical="center" wrapText="1"/>
    </xf>
    <xf numFmtId="0" fontId="12" fillId="0" borderId="61" xfId="0" applyFont="1" applyBorder="1" applyAlignment="1">
      <alignment vertical="center"/>
    </xf>
    <xf numFmtId="0" fontId="0" fillId="0" borderId="40" xfId="0" applyBorder="1" applyAlignment="1">
      <alignment vertical="center"/>
    </xf>
    <xf numFmtId="0" fontId="0" fillId="0" borderId="62" xfId="0" applyBorder="1" applyAlignment="1">
      <alignment vertical="center"/>
    </xf>
    <xf numFmtId="0" fontId="12" fillId="0" borderId="50" xfId="0" applyFont="1" applyBorder="1" applyAlignment="1">
      <alignment vertical="center" wrapText="1"/>
    </xf>
    <xf numFmtId="0" fontId="12" fillId="0" borderId="84" xfId="0" applyFont="1" applyBorder="1" applyAlignment="1">
      <alignment horizontal="left" vertical="center" wrapText="1"/>
    </xf>
    <xf numFmtId="0" fontId="12" fillId="0" borderId="59" xfId="0" applyFont="1" applyBorder="1" applyAlignment="1">
      <alignment horizontal="left" vertical="center" wrapText="1"/>
    </xf>
    <xf numFmtId="0" fontId="13" fillId="0" borderId="36" xfId="0" applyFont="1" applyBorder="1" applyAlignment="1">
      <alignment horizontal="left" vertical="center" wrapText="1"/>
    </xf>
    <xf numFmtId="0" fontId="13" fillId="0" borderId="22" xfId="0" applyFont="1" applyBorder="1" applyAlignment="1">
      <alignment horizontal="left" vertical="center"/>
    </xf>
    <xf numFmtId="0" fontId="13" fillId="0" borderId="35" xfId="0" applyFont="1" applyBorder="1" applyAlignment="1">
      <alignment horizontal="left" vertical="center"/>
    </xf>
    <xf numFmtId="0" fontId="12" fillId="0" borderId="36" xfId="0" applyFont="1" applyBorder="1" applyAlignment="1">
      <alignment horizontal="left" vertical="center" wrapText="1" shrinkToFit="1"/>
    </xf>
    <xf numFmtId="0" fontId="12" fillId="0" borderId="35" xfId="0" applyFont="1" applyBorder="1" applyAlignment="1">
      <alignment horizontal="left" vertical="center" wrapText="1" shrinkToFit="1"/>
    </xf>
    <xf numFmtId="0" fontId="12" fillId="0" borderId="36" xfId="0" applyFont="1" applyBorder="1" applyAlignment="1">
      <alignment horizontal="left" vertical="center" wrapText="1"/>
    </xf>
    <xf numFmtId="0" fontId="12" fillId="0" borderId="35" xfId="0" applyFont="1" applyBorder="1" applyAlignment="1">
      <alignment horizontal="left" vertical="center" wrapText="1"/>
    </xf>
  </cellXfs>
  <cellStyles count="5">
    <cellStyle name="ハイパーリンク" xfId="4" builtinId="8"/>
    <cellStyle name="標準" xfId="0" builtinId="0"/>
    <cellStyle name="標準 2" xfId="1"/>
    <cellStyle name="標準 3" xfId="3"/>
    <cellStyle name="標準 4" xfId="2"/>
  </cellStyles>
  <dxfs count="8">
    <dxf>
      <font>
        <strike val="0"/>
        <u val="double"/>
        <color rgb="FFFF0000"/>
      </font>
    </dxf>
    <dxf>
      <fill>
        <patternFill>
          <bgColor theme="9" tint="0.79998168889431442"/>
        </patternFill>
      </fill>
    </dxf>
    <dxf>
      <fill>
        <patternFill>
          <bgColor theme="9" tint="0.79998168889431442"/>
        </patternFill>
      </fill>
    </dxf>
    <dxf>
      <font>
        <strike val="0"/>
        <u val="double"/>
        <color rgb="FFFF0000"/>
      </font>
    </dxf>
    <dxf>
      <fill>
        <patternFill>
          <bgColor theme="9" tint="0.79998168889431442"/>
        </patternFill>
      </fill>
    </dxf>
    <dxf>
      <fill>
        <patternFill>
          <bgColor theme="9" tint="0.79998168889431442"/>
        </patternFill>
      </fill>
    </dxf>
    <dxf>
      <font>
        <u val="double"/>
        <color rgb="FFFF0000"/>
      </font>
    </dxf>
    <dxf>
      <font>
        <b val="0"/>
        <i val="0"/>
        <strike val="0"/>
        <u val="double"/>
        <color rgb="FFFF0000"/>
      </font>
      <fill>
        <patternFill patternType="none">
          <bgColor auto="1"/>
        </patternFill>
      </fill>
    </dxf>
  </dxfs>
  <tableStyles count="0" defaultTableStyle="TableStyleMedium2" defaultPivotStyle="PivotStyleLight16"/>
  <colors>
    <mruColors>
      <color rgb="FFFFFFF0"/>
      <color rgb="FF0000FF"/>
      <color rgb="FFFFFFE1"/>
      <color rgb="FFFFF0E1"/>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11" Type="http://schemas.openxmlformats.org/officeDocument/2006/relationships/customXml" Target="../customXml/item3.xml"/><Relationship Id="rId5" Type="http://schemas.openxmlformats.org/officeDocument/2006/relationships/theme" Target="theme/theme1.xml"/><Relationship Id="rId10" Type="http://schemas.openxmlformats.org/officeDocument/2006/relationships/customXml" Target="../customXml/item2.xml"/><Relationship Id="rId4" Type="http://schemas.openxmlformats.org/officeDocument/2006/relationships/worksheet" Target="worksheets/sheet4.xml"/><Relationship Id="rId9" Type="http://schemas.openxmlformats.org/officeDocument/2006/relationships/customXml" Target="../customXml/item1.xml"/></Relationships>
</file>

<file path=xl/drawings/drawing1.xml><?xml version="1.0" encoding="utf-8"?>
<xdr:wsDr xmlns:xdr="http://schemas.openxmlformats.org/drawingml/2006/spreadsheetDrawing" xmlns:a="http://schemas.openxmlformats.org/drawingml/2006/main">
  <xdr:twoCellAnchor>
    <xdr:from>
      <xdr:col>39</xdr:col>
      <xdr:colOff>357869</xdr:colOff>
      <xdr:row>17</xdr:row>
      <xdr:rowOff>38967</xdr:rowOff>
    </xdr:from>
    <xdr:to>
      <xdr:col>45</xdr:col>
      <xdr:colOff>786494</xdr:colOff>
      <xdr:row>20</xdr:row>
      <xdr:rowOff>294410</xdr:rowOff>
    </xdr:to>
    <xdr:sp macro="" textlink="">
      <xdr:nvSpPr>
        <xdr:cNvPr id="2" name="正方形/長方形 1"/>
        <xdr:cNvSpPr/>
      </xdr:nvSpPr>
      <xdr:spPr>
        <a:xfrm>
          <a:off x="14340569" y="7316067"/>
          <a:ext cx="5310188" cy="1398443"/>
        </a:xfrm>
        <a:prstGeom prst="rect">
          <a:avLst/>
        </a:prstGeom>
        <a:solidFill>
          <a:schemeClr val="bg1">
            <a:lumMod val="9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800">
              <a:solidFill>
                <a:schemeClr val="tx1"/>
              </a:solidFill>
            </a:rPr>
            <a:t>証明日がない証明書は無効です。</a:t>
          </a:r>
          <a:endParaRPr kumimoji="1" lang="en-US" altLang="ja-JP" sz="1800">
            <a:solidFill>
              <a:schemeClr val="tx1"/>
            </a:solidFill>
          </a:endParaRPr>
        </a:p>
        <a:p>
          <a:pPr algn="l"/>
          <a:r>
            <a:rPr kumimoji="1" lang="ja-JP" altLang="en-US" sz="1800">
              <a:solidFill>
                <a:schemeClr val="tx1"/>
              </a:solidFill>
            </a:rPr>
            <a:t>記載内容について市から問い合わせをすることがありますので、漏れなく記入してください。</a:t>
          </a:r>
          <a:endParaRPr kumimoji="1" lang="en-US" altLang="ja-JP" sz="1800">
            <a:solidFill>
              <a:schemeClr val="tx1"/>
            </a:solidFill>
          </a:endParaRPr>
        </a:p>
        <a:p>
          <a:pPr algn="l"/>
          <a:endParaRPr kumimoji="1" lang="en-US" altLang="ja-JP" sz="1200">
            <a:solidFill>
              <a:schemeClr val="tx1"/>
            </a:solidFill>
          </a:endParaRPr>
        </a:p>
      </xdr:txBody>
    </xdr:sp>
    <xdr:clientData/>
  </xdr:twoCellAnchor>
  <xdr:twoCellAnchor>
    <xdr:from>
      <xdr:col>39</xdr:col>
      <xdr:colOff>321069</xdr:colOff>
      <xdr:row>26</xdr:row>
      <xdr:rowOff>220809</xdr:rowOff>
    </xdr:from>
    <xdr:to>
      <xdr:col>45</xdr:col>
      <xdr:colOff>786494</xdr:colOff>
      <xdr:row>30</xdr:row>
      <xdr:rowOff>64945</xdr:rowOff>
    </xdr:to>
    <xdr:sp macro="" textlink="">
      <xdr:nvSpPr>
        <xdr:cNvPr id="3" name="正方形/長方形 2"/>
        <xdr:cNvSpPr/>
      </xdr:nvSpPr>
      <xdr:spPr>
        <a:xfrm>
          <a:off x="14303769" y="10812609"/>
          <a:ext cx="5346988" cy="1139536"/>
        </a:xfrm>
        <a:prstGeom prst="rect">
          <a:avLst/>
        </a:prstGeom>
        <a:solidFill>
          <a:schemeClr val="bg1">
            <a:lumMod val="9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800">
              <a:solidFill>
                <a:schemeClr val="tx1"/>
              </a:solidFill>
            </a:rPr>
            <a:t>〔No.3</a:t>
          </a:r>
          <a:r>
            <a:rPr kumimoji="1" lang="ja-JP" altLang="en-US" sz="1800">
              <a:solidFill>
                <a:schemeClr val="tx1"/>
              </a:solidFill>
            </a:rPr>
            <a:t>：雇用（予定）期間等</a:t>
          </a:r>
          <a:r>
            <a:rPr kumimoji="1" lang="en-US" altLang="ja-JP" sz="1800">
              <a:solidFill>
                <a:schemeClr val="tx1"/>
              </a:solidFill>
            </a:rPr>
            <a:t>〕</a:t>
          </a:r>
        </a:p>
        <a:p>
          <a:pPr algn="l"/>
          <a:r>
            <a:rPr kumimoji="1" lang="ja-JP" altLang="en-US" sz="1800">
              <a:solidFill>
                <a:schemeClr val="tx1"/>
              </a:solidFill>
            </a:rPr>
            <a:t>有期の場合は</a:t>
          </a:r>
          <a:r>
            <a:rPr kumimoji="1" lang="ja-JP" altLang="en-US" sz="1800" b="1" u="none">
              <a:solidFill>
                <a:schemeClr val="tx1"/>
              </a:solidFill>
            </a:rPr>
            <a:t>契約終了日</a:t>
          </a:r>
          <a:r>
            <a:rPr kumimoji="1" lang="ja-JP" altLang="en-US" sz="1800">
              <a:solidFill>
                <a:schemeClr val="tx1"/>
              </a:solidFill>
            </a:rPr>
            <a:t>まで記入してください。</a:t>
          </a:r>
          <a:endParaRPr kumimoji="1" lang="en-US" altLang="ja-JP" sz="1800">
            <a:solidFill>
              <a:schemeClr val="tx1"/>
            </a:solidFill>
          </a:endParaRPr>
        </a:p>
      </xdr:txBody>
    </xdr:sp>
    <xdr:clientData/>
  </xdr:twoCellAnchor>
  <xdr:twoCellAnchor>
    <xdr:from>
      <xdr:col>39</xdr:col>
      <xdr:colOff>321869</xdr:colOff>
      <xdr:row>34</xdr:row>
      <xdr:rowOff>166680</xdr:rowOff>
    </xdr:from>
    <xdr:to>
      <xdr:col>45</xdr:col>
      <xdr:colOff>786494</xdr:colOff>
      <xdr:row>41</xdr:row>
      <xdr:rowOff>190492</xdr:rowOff>
    </xdr:to>
    <xdr:sp macro="" textlink="">
      <xdr:nvSpPr>
        <xdr:cNvPr id="4" name="正方形/長方形 3"/>
        <xdr:cNvSpPr/>
      </xdr:nvSpPr>
      <xdr:spPr>
        <a:xfrm>
          <a:off x="14304569" y="13601693"/>
          <a:ext cx="5346188" cy="2747962"/>
        </a:xfrm>
        <a:prstGeom prst="rect">
          <a:avLst/>
        </a:prstGeom>
        <a:solidFill>
          <a:schemeClr val="bg1">
            <a:lumMod val="9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800">
              <a:solidFill>
                <a:schemeClr val="tx1"/>
              </a:solidFill>
            </a:rPr>
            <a:t>〔No.6</a:t>
          </a:r>
          <a:r>
            <a:rPr kumimoji="1" lang="ja-JP" altLang="en-US" sz="1800">
              <a:solidFill>
                <a:schemeClr val="tx1"/>
              </a:solidFill>
            </a:rPr>
            <a:t>：就労時間</a:t>
          </a:r>
          <a:r>
            <a:rPr kumimoji="1" lang="en-US" altLang="ja-JP" sz="1800">
              <a:solidFill>
                <a:schemeClr val="tx1"/>
              </a:solidFill>
            </a:rPr>
            <a:t>〕</a:t>
          </a:r>
        </a:p>
        <a:p>
          <a:pPr algn="l"/>
          <a:r>
            <a:rPr kumimoji="1" lang="ja-JP" altLang="en-US" sz="1800">
              <a:solidFill>
                <a:schemeClr val="tx1"/>
              </a:solidFill>
            </a:rPr>
            <a:t>「固定就労の場合」・「変則就労の場合」のいずれかに</a:t>
          </a:r>
          <a:endParaRPr kumimoji="1" lang="en-US" altLang="ja-JP" sz="1800">
            <a:solidFill>
              <a:schemeClr val="tx1"/>
            </a:solidFill>
          </a:endParaRPr>
        </a:p>
        <a:p>
          <a:pPr algn="l"/>
          <a:r>
            <a:rPr kumimoji="1" lang="ja-JP" altLang="en-US" sz="1800" b="1" u="none">
              <a:solidFill>
                <a:schemeClr val="tx1"/>
              </a:solidFill>
            </a:rPr>
            <a:t>「雇用契約時間」</a:t>
          </a:r>
          <a:r>
            <a:rPr kumimoji="1" lang="ja-JP" altLang="en-US" sz="1800">
              <a:solidFill>
                <a:schemeClr val="tx1"/>
              </a:solidFill>
            </a:rPr>
            <a:t>を記入してください。</a:t>
          </a:r>
          <a:endParaRPr kumimoji="1" lang="en-US" altLang="ja-JP" sz="1800">
            <a:solidFill>
              <a:schemeClr val="tx1"/>
            </a:solidFill>
          </a:endParaRPr>
        </a:p>
        <a:p>
          <a:pPr algn="l"/>
          <a:r>
            <a:rPr kumimoji="1" lang="ja-JP" altLang="en-US" sz="1800" b="1" u="sng">
              <a:solidFill>
                <a:schemeClr val="tx1"/>
              </a:solidFill>
            </a:rPr>
            <a:t>＊休憩時間：含む</a:t>
          </a:r>
          <a:endParaRPr kumimoji="1" lang="en-US" altLang="ja-JP" sz="1800" b="1" u="sng">
            <a:solidFill>
              <a:schemeClr val="tx1"/>
            </a:solidFill>
          </a:endParaRPr>
        </a:p>
        <a:p>
          <a:pPr algn="l"/>
          <a:r>
            <a:rPr kumimoji="1" lang="ja-JP" altLang="en-US" sz="1800" b="1" u="sng">
              <a:solidFill>
                <a:schemeClr val="tx1"/>
              </a:solidFill>
            </a:rPr>
            <a:t>＊残業時間：含まない</a:t>
          </a:r>
          <a:endParaRPr kumimoji="1" lang="en-US" altLang="ja-JP" sz="1800" b="1" u="sng">
            <a:solidFill>
              <a:schemeClr val="tx1"/>
            </a:solidFill>
          </a:endParaRPr>
        </a:p>
        <a:p>
          <a:pPr algn="l"/>
          <a:r>
            <a:rPr kumimoji="1" lang="ja-JP" altLang="en-US" sz="1800">
              <a:solidFill>
                <a:schemeClr val="tx1"/>
              </a:solidFill>
            </a:rPr>
            <a:t>入所の可否に影響しますので、誤りのないよう、記入してください。</a:t>
          </a:r>
          <a:endParaRPr kumimoji="1" lang="en-US" altLang="ja-JP" sz="1800">
            <a:solidFill>
              <a:schemeClr val="tx1"/>
            </a:solidFill>
          </a:endParaRPr>
        </a:p>
      </xdr:txBody>
    </xdr:sp>
    <xdr:clientData/>
  </xdr:twoCellAnchor>
  <xdr:twoCellAnchor>
    <xdr:from>
      <xdr:col>39</xdr:col>
      <xdr:colOff>321869</xdr:colOff>
      <xdr:row>43</xdr:row>
      <xdr:rowOff>283580</xdr:rowOff>
    </xdr:from>
    <xdr:to>
      <xdr:col>45</xdr:col>
      <xdr:colOff>786494</xdr:colOff>
      <xdr:row>45</xdr:row>
      <xdr:rowOff>370172</xdr:rowOff>
    </xdr:to>
    <xdr:sp macro="" textlink="">
      <xdr:nvSpPr>
        <xdr:cNvPr id="5" name="正方形/長方形 4"/>
        <xdr:cNvSpPr/>
      </xdr:nvSpPr>
      <xdr:spPr>
        <a:xfrm>
          <a:off x="14304569" y="17204743"/>
          <a:ext cx="5346188" cy="848592"/>
        </a:xfrm>
        <a:prstGeom prst="rect">
          <a:avLst/>
        </a:prstGeom>
        <a:solidFill>
          <a:schemeClr val="bg1">
            <a:lumMod val="9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800">
              <a:solidFill>
                <a:schemeClr val="tx1"/>
              </a:solidFill>
            </a:rPr>
            <a:t>〔No.7</a:t>
          </a:r>
          <a:r>
            <a:rPr kumimoji="1" lang="ja-JP" altLang="en-US" sz="1800">
              <a:solidFill>
                <a:schemeClr val="tx1"/>
              </a:solidFill>
            </a:rPr>
            <a:t>：就労実績</a:t>
          </a:r>
          <a:r>
            <a:rPr kumimoji="1" lang="en-US" altLang="ja-JP" sz="1800">
              <a:solidFill>
                <a:schemeClr val="tx1"/>
              </a:solidFill>
            </a:rPr>
            <a:t>〕</a:t>
          </a:r>
        </a:p>
        <a:p>
          <a:pPr algn="l"/>
          <a:r>
            <a:rPr kumimoji="1" lang="ja-JP" altLang="en-US" sz="1800">
              <a:solidFill>
                <a:schemeClr val="tx1"/>
              </a:solidFill>
            </a:rPr>
            <a:t>記入不要です。</a:t>
          </a:r>
          <a:endParaRPr kumimoji="1" lang="en-US" altLang="ja-JP" sz="1800">
            <a:solidFill>
              <a:schemeClr val="tx1"/>
            </a:solidFill>
          </a:endParaRPr>
        </a:p>
        <a:p>
          <a:pPr algn="l"/>
          <a:endParaRPr kumimoji="1" lang="en-US" altLang="ja-JP" sz="1800">
            <a:solidFill>
              <a:schemeClr val="tx1"/>
            </a:solidFill>
          </a:endParaRPr>
        </a:p>
      </xdr:txBody>
    </xdr:sp>
    <xdr:clientData/>
  </xdr:twoCellAnchor>
  <xdr:twoCellAnchor>
    <xdr:from>
      <xdr:col>39</xdr:col>
      <xdr:colOff>321869</xdr:colOff>
      <xdr:row>47</xdr:row>
      <xdr:rowOff>257601</xdr:rowOff>
    </xdr:from>
    <xdr:to>
      <xdr:col>45</xdr:col>
      <xdr:colOff>786494</xdr:colOff>
      <xdr:row>54</xdr:row>
      <xdr:rowOff>188327</xdr:rowOff>
    </xdr:to>
    <xdr:sp macro="" textlink="">
      <xdr:nvSpPr>
        <xdr:cNvPr id="6" name="正方形/長方形 5"/>
        <xdr:cNvSpPr/>
      </xdr:nvSpPr>
      <xdr:spPr>
        <a:xfrm>
          <a:off x="14304569" y="18764676"/>
          <a:ext cx="5346188" cy="2426276"/>
        </a:xfrm>
        <a:prstGeom prst="rect">
          <a:avLst/>
        </a:prstGeom>
        <a:solidFill>
          <a:schemeClr val="bg1">
            <a:lumMod val="9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800">
              <a:solidFill>
                <a:schemeClr val="tx1"/>
              </a:solidFill>
            </a:rPr>
            <a:t>〔No.9</a:t>
          </a:r>
          <a:r>
            <a:rPr kumimoji="1" lang="ja-JP" altLang="en-US" sz="1800">
              <a:solidFill>
                <a:schemeClr val="tx1"/>
              </a:solidFill>
            </a:rPr>
            <a:t>：育児休業の取得</a:t>
          </a:r>
          <a:r>
            <a:rPr kumimoji="1" lang="en-US" altLang="ja-JP" sz="1800">
              <a:solidFill>
                <a:schemeClr val="tx1"/>
              </a:solidFill>
            </a:rPr>
            <a:t>〕</a:t>
          </a:r>
        </a:p>
        <a:p>
          <a:pPr algn="l"/>
          <a:r>
            <a:rPr kumimoji="1" lang="ja-JP" altLang="en-US" sz="1800">
              <a:solidFill>
                <a:schemeClr val="tx1"/>
              </a:solidFill>
            </a:rPr>
            <a:t>「取得予定」・「取得中」の場合は必ず</a:t>
          </a:r>
          <a:endParaRPr kumimoji="1" lang="en-US" altLang="ja-JP" sz="1800">
            <a:solidFill>
              <a:schemeClr val="tx1"/>
            </a:solidFill>
          </a:endParaRPr>
        </a:p>
        <a:p>
          <a:pPr algn="l"/>
          <a:r>
            <a:rPr kumimoji="1" lang="ja-JP" altLang="en-US" sz="1800" b="1" u="none">
              <a:solidFill>
                <a:schemeClr val="tx1"/>
              </a:solidFill>
            </a:rPr>
            <a:t>開始～終了</a:t>
          </a:r>
          <a:r>
            <a:rPr kumimoji="1" lang="ja-JP" altLang="en-US" sz="1800">
              <a:solidFill>
                <a:schemeClr val="tx1"/>
              </a:solidFill>
            </a:rPr>
            <a:t>の期間を記入してください。</a:t>
          </a:r>
          <a:endParaRPr kumimoji="1" lang="en-US" altLang="ja-JP" sz="1800">
            <a:solidFill>
              <a:schemeClr val="tx1"/>
            </a:solidFill>
          </a:endParaRPr>
        </a:p>
        <a:p>
          <a:pPr algn="l"/>
          <a:endParaRPr kumimoji="1" lang="en-US" altLang="ja-JP" sz="1800">
            <a:solidFill>
              <a:schemeClr val="tx1"/>
            </a:solidFill>
          </a:endParaRPr>
        </a:p>
        <a:p>
          <a:pPr algn="l"/>
          <a:r>
            <a:rPr kumimoji="1" lang="ja-JP" altLang="en-US" sz="1800" b="1">
              <a:solidFill>
                <a:schemeClr val="tx1"/>
              </a:solidFill>
            </a:rPr>
            <a:t>＊「追加的記載項目欄：①」</a:t>
          </a:r>
          <a:r>
            <a:rPr kumimoji="1" lang="ja-JP" altLang="en-US" sz="1800" b="0">
              <a:solidFill>
                <a:schemeClr val="tx1"/>
              </a:solidFill>
            </a:rPr>
            <a:t>に記入が必要です</a:t>
          </a:r>
          <a:r>
            <a:rPr kumimoji="1" lang="ja-JP" altLang="en-US" sz="1800" b="1">
              <a:solidFill>
                <a:schemeClr val="tx1"/>
              </a:solidFill>
            </a:rPr>
            <a:t>。</a:t>
          </a:r>
          <a:endParaRPr kumimoji="1" lang="en-US" altLang="ja-JP" sz="1800" b="1">
            <a:solidFill>
              <a:schemeClr val="tx1"/>
            </a:solidFill>
          </a:endParaRPr>
        </a:p>
        <a:p>
          <a:pPr algn="l"/>
          <a:r>
            <a:rPr kumimoji="1" lang="ja-JP" altLang="en-US" sz="1800" b="0">
              <a:solidFill>
                <a:schemeClr val="tx1"/>
              </a:solidFill>
            </a:rPr>
            <a:t>入所が内定した場合の期間短縮の可否を</a:t>
          </a:r>
          <a:endParaRPr kumimoji="1" lang="en-US" altLang="ja-JP" sz="1800" b="0">
            <a:solidFill>
              <a:schemeClr val="tx1"/>
            </a:solidFill>
          </a:endParaRPr>
        </a:p>
        <a:p>
          <a:pPr algn="l"/>
          <a:r>
            <a:rPr kumimoji="1" lang="ja-JP" altLang="en-US" sz="1800" b="0">
              <a:solidFill>
                <a:schemeClr val="tx1"/>
              </a:solidFill>
            </a:rPr>
            <a:t>選択してください。</a:t>
          </a:r>
          <a:endParaRPr kumimoji="1" lang="en-US" altLang="ja-JP" sz="1800" b="0">
            <a:solidFill>
              <a:schemeClr val="tx1"/>
            </a:solidFill>
          </a:endParaRPr>
        </a:p>
      </xdr:txBody>
    </xdr:sp>
    <xdr:clientData/>
  </xdr:twoCellAnchor>
  <xdr:twoCellAnchor>
    <xdr:from>
      <xdr:col>39</xdr:col>
      <xdr:colOff>357869</xdr:colOff>
      <xdr:row>55</xdr:row>
      <xdr:rowOff>322555</xdr:rowOff>
    </xdr:from>
    <xdr:to>
      <xdr:col>45</xdr:col>
      <xdr:colOff>786494</xdr:colOff>
      <xdr:row>69</xdr:row>
      <xdr:rowOff>23812</xdr:rowOff>
    </xdr:to>
    <xdr:sp macro="" textlink="">
      <xdr:nvSpPr>
        <xdr:cNvPr id="7" name="正方形/長方形 6"/>
        <xdr:cNvSpPr/>
      </xdr:nvSpPr>
      <xdr:spPr>
        <a:xfrm>
          <a:off x="14340569" y="21706180"/>
          <a:ext cx="5310188" cy="4430420"/>
        </a:xfrm>
        <a:prstGeom prst="rect">
          <a:avLst/>
        </a:prstGeom>
        <a:solidFill>
          <a:schemeClr val="bg1">
            <a:lumMod val="9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800">
              <a:solidFill>
                <a:schemeClr val="tx1"/>
              </a:solidFill>
            </a:rPr>
            <a:t>〔No.12</a:t>
          </a:r>
          <a:r>
            <a:rPr kumimoji="1" lang="ja-JP" altLang="en-US" sz="1800">
              <a:solidFill>
                <a:schemeClr val="tx1"/>
              </a:solidFill>
            </a:rPr>
            <a:t>：育児のための短時間勤務制度利用有無</a:t>
          </a:r>
          <a:r>
            <a:rPr kumimoji="1" lang="en-US" altLang="ja-JP" sz="1800">
              <a:solidFill>
                <a:schemeClr val="tx1"/>
              </a:solidFill>
            </a:rPr>
            <a:t>〕</a:t>
          </a:r>
        </a:p>
        <a:p>
          <a:pPr algn="l"/>
          <a:r>
            <a:rPr kumimoji="1" lang="ja-JP" altLang="en-US" sz="1800">
              <a:solidFill>
                <a:schemeClr val="tx1"/>
              </a:solidFill>
            </a:rPr>
            <a:t>「取得予定」・「取得中」の場合は必ず</a:t>
          </a:r>
          <a:endParaRPr kumimoji="1" lang="en-US" altLang="ja-JP" sz="1800">
            <a:solidFill>
              <a:schemeClr val="tx1"/>
            </a:solidFill>
          </a:endParaRPr>
        </a:p>
        <a:p>
          <a:pPr algn="l"/>
          <a:r>
            <a:rPr kumimoji="1" lang="ja-JP" altLang="en-US" sz="1800">
              <a:solidFill>
                <a:schemeClr val="tx1"/>
              </a:solidFill>
            </a:rPr>
            <a:t>開始～終了の期間を記入してください。</a:t>
          </a:r>
          <a:endParaRPr kumimoji="1" lang="en-US" altLang="ja-JP" sz="1800">
            <a:solidFill>
              <a:schemeClr val="tx1"/>
            </a:solidFill>
          </a:endParaRPr>
        </a:p>
        <a:p>
          <a:pPr algn="l"/>
          <a:endParaRPr kumimoji="1" lang="en-US" altLang="ja-JP" sz="1800">
            <a:solidFill>
              <a:schemeClr val="tx1"/>
            </a:solidFill>
          </a:endParaRPr>
        </a:p>
        <a:p>
          <a:pPr algn="l"/>
          <a:r>
            <a:rPr kumimoji="1" lang="ja-JP" altLang="en-US" sz="1800" b="1">
              <a:solidFill>
                <a:schemeClr val="tx1"/>
              </a:solidFill>
            </a:rPr>
            <a:t>＊「追加的記載項目欄：②」</a:t>
          </a:r>
          <a:r>
            <a:rPr kumimoji="1" lang="ja-JP" altLang="en-US" sz="1800" b="0">
              <a:solidFill>
                <a:schemeClr val="tx1"/>
              </a:solidFill>
            </a:rPr>
            <a:t>に記入が必要です。</a:t>
          </a:r>
          <a:endParaRPr kumimoji="1" lang="en-US" altLang="ja-JP" sz="1800" b="0">
            <a:solidFill>
              <a:schemeClr val="tx1"/>
            </a:solidFill>
          </a:endParaRPr>
        </a:p>
        <a:p>
          <a:r>
            <a:rPr kumimoji="1" lang="ja-JP" altLang="en-US" sz="1800" b="1">
              <a:solidFill>
                <a:schemeClr val="tx1"/>
              </a:solidFill>
            </a:rPr>
            <a:t>短時間勤務利用中の月の就労時間を記入してください。</a:t>
          </a:r>
          <a:endParaRPr kumimoji="1" lang="en-US" altLang="ja-JP" sz="1800" b="1">
            <a:solidFill>
              <a:schemeClr val="tx1"/>
            </a:solidFill>
          </a:endParaRPr>
        </a:p>
        <a:p>
          <a:r>
            <a:rPr kumimoji="1" lang="ja-JP" altLang="ja-JP" sz="1800" b="1" u="sng">
              <a:solidFill>
                <a:schemeClr val="tx1"/>
              </a:solidFill>
              <a:effectLst/>
              <a:latin typeface="+mn-lt"/>
              <a:ea typeface="+mn-ea"/>
              <a:cs typeface="+mn-cs"/>
            </a:rPr>
            <a:t>＊休憩時間：含む</a:t>
          </a:r>
          <a:endParaRPr lang="ja-JP" altLang="ja-JP" sz="3200">
            <a:solidFill>
              <a:schemeClr val="tx1"/>
            </a:solidFill>
            <a:effectLst/>
          </a:endParaRPr>
        </a:p>
        <a:p>
          <a:r>
            <a:rPr kumimoji="1" lang="ja-JP" altLang="ja-JP" sz="1800" b="1" u="sng">
              <a:solidFill>
                <a:schemeClr val="tx1"/>
              </a:solidFill>
              <a:effectLst/>
              <a:latin typeface="+mn-lt"/>
              <a:ea typeface="+mn-ea"/>
              <a:cs typeface="+mn-cs"/>
            </a:rPr>
            <a:t>＊残業時間：含まない</a:t>
          </a:r>
          <a:endParaRPr lang="ja-JP" altLang="ja-JP" sz="3200">
            <a:solidFill>
              <a:schemeClr val="tx1"/>
            </a:solidFill>
            <a:effectLst/>
          </a:endParaRPr>
        </a:p>
        <a:p>
          <a:r>
            <a:rPr kumimoji="1" lang="ja-JP" altLang="ja-JP" sz="1800">
              <a:solidFill>
                <a:schemeClr val="tx1"/>
              </a:solidFill>
              <a:effectLst/>
              <a:latin typeface="+mn-lt"/>
              <a:ea typeface="+mn-ea"/>
              <a:cs typeface="+mn-cs"/>
            </a:rPr>
            <a:t>入所の可否に影響しますので、誤りのないよう、記入してください。</a:t>
          </a:r>
          <a:endParaRPr lang="ja-JP" altLang="ja-JP" sz="3200">
            <a:solidFill>
              <a:schemeClr val="tx1"/>
            </a:solidFill>
            <a:effectLst/>
          </a:endParaRPr>
        </a:p>
        <a:p>
          <a:pPr algn="l"/>
          <a:endParaRPr kumimoji="1" lang="en-US" altLang="ja-JP" sz="1800" b="1">
            <a:solidFill>
              <a:schemeClr val="tx1"/>
            </a:solidFill>
          </a:endParaRPr>
        </a:p>
      </xdr:txBody>
    </xdr:sp>
    <xdr:clientData/>
  </xdr:twoCellAnchor>
  <xdr:twoCellAnchor>
    <xdr:from>
      <xdr:col>38</xdr:col>
      <xdr:colOff>71437</xdr:colOff>
      <xdr:row>18</xdr:row>
      <xdr:rowOff>190501</xdr:rowOff>
    </xdr:from>
    <xdr:to>
      <xdr:col>39</xdr:col>
      <xdr:colOff>261937</xdr:colOff>
      <xdr:row>19</xdr:row>
      <xdr:rowOff>95249</xdr:rowOff>
    </xdr:to>
    <xdr:cxnSp macro="">
      <xdr:nvCxnSpPr>
        <xdr:cNvPr id="8" name="直線矢印コネクタ 7"/>
        <xdr:cNvCxnSpPr/>
      </xdr:nvCxnSpPr>
      <xdr:spPr>
        <a:xfrm flipH="1" flipV="1">
          <a:off x="13677900" y="7848601"/>
          <a:ext cx="566737" cy="285748"/>
        </a:xfrm>
        <a:prstGeom prst="straightConnector1">
          <a:avLst/>
        </a:prstGeom>
        <a:ln w="57150">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7</xdr:col>
      <xdr:colOff>285749</xdr:colOff>
      <xdr:row>28</xdr:row>
      <xdr:rowOff>309562</xdr:rowOff>
    </xdr:from>
    <xdr:to>
      <xdr:col>39</xdr:col>
      <xdr:colOff>190500</xdr:colOff>
      <xdr:row>34</xdr:row>
      <xdr:rowOff>238125</xdr:rowOff>
    </xdr:to>
    <xdr:cxnSp macro="">
      <xdr:nvCxnSpPr>
        <xdr:cNvPr id="9" name="直線矢印コネクタ 8"/>
        <xdr:cNvCxnSpPr/>
      </xdr:nvCxnSpPr>
      <xdr:spPr>
        <a:xfrm flipH="1">
          <a:off x="13115924" y="11549062"/>
          <a:ext cx="1057276" cy="2124076"/>
        </a:xfrm>
        <a:prstGeom prst="straightConnector1">
          <a:avLst/>
        </a:prstGeom>
        <a:ln w="57150">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2</xdr:col>
      <xdr:colOff>285753</xdr:colOff>
      <xdr:row>38</xdr:row>
      <xdr:rowOff>0</xdr:rowOff>
    </xdr:from>
    <xdr:to>
      <xdr:col>39</xdr:col>
      <xdr:colOff>190500</xdr:colOff>
      <xdr:row>39</xdr:row>
      <xdr:rowOff>142875</xdr:rowOff>
    </xdr:to>
    <xdr:cxnSp macro="">
      <xdr:nvCxnSpPr>
        <xdr:cNvPr id="10" name="直線矢印コネクタ 9"/>
        <xdr:cNvCxnSpPr/>
      </xdr:nvCxnSpPr>
      <xdr:spPr>
        <a:xfrm flipH="1">
          <a:off x="11282366" y="15101888"/>
          <a:ext cx="2890834" cy="495300"/>
        </a:xfrm>
        <a:prstGeom prst="straightConnector1">
          <a:avLst/>
        </a:prstGeom>
        <a:ln w="57150">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8</xdr:col>
      <xdr:colOff>173182</xdr:colOff>
      <xdr:row>38</xdr:row>
      <xdr:rowOff>23812</xdr:rowOff>
    </xdr:from>
    <xdr:to>
      <xdr:col>39</xdr:col>
      <xdr:colOff>214312</xdr:colOff>
      <xdr:row>45</xdr:row>
      <xdr:rowOff>103909</xdr:rowOff>
    </xdr:to>
    <xdr:cxnSp macro="">
      <xdr:nvCxnSpPr>
        <xdr:cNvPr id="11" name="直線矢印コネクタ 10"/>
        <xdr:cNvCxnSpPr/>
      </xdr:nvCxnSpPr>
      <xdr:spPr>
        <a:xfrm flipH="1">
          <a:off x="9702945" y="15125700"/>
          <a:ext cx="4494067" cy="2661372"/>
        </a:xfrm>
        <a:prstGeom prst="straightConnector1">
          <a:avLst/>
        </a:prstGeom>
        <a:ln w="57150">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7</xdr:col>
      <xdr:colOff>23813</xdr:colOff>
      <xdr:row>45</xdr:row>
      <xdr:rowOff>71437</xdr:rowOff>
    </xdr:from>
    <xdr:to>
      <xdr:col>39</xdr:col>
      <xdr:colOff>285750</xdr:colOff>
      <xdr:row>47</xdr:row>
      <xdr:rowOff>309562</xdr:rowOff>
    </xdr:to>
    <xdr:cxnSp macro="">
      <xdr:nvCxnSpPr>
        <xdr:cNvPr id="12" name="直線矢印コネクタ 11"/>
        <xdr:cNvCxnSpPr/>
      </xdr:nvCxnSpPr>
      <xdr:spPr>
        <a:xfrm flipH="1">
          <a:off x="12853988" y="17754600"/>
          <a:ext cx="1414462" cy="1062037"/>
        </a:xfrm>
        <a:prstGeom prst="straightConnector1">
          <a:avLst/>
        </a:prstGeom>
        <a:ln w="57150">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8</xdr:col>
      <xdr:colOff>238124</xdr:colOff>
      <xdr:row>52</xdr:row>
      <xdr:rowOff>23812</xdr:rowOff>
    </xdr:from>
    <xdr:to>
      <xdr:col>39</xdr:col>
      <xdr:colOff>238125</xdr:colOff>
      <xdr:row>53</xdr:row>
      <xdr:rowOff>214312</xdr:rowOff>
    </xdr:to>
    <xdr:cxnSp macro="">
      <xdr:nvCxnSpPr>
        <xdr:cNvPr id="13" name="直線矢印コネクタ 12"/>
        <xdr:cNvCxnSpPr/>
      </xdr:nvCxnSpPr>
      <xdr:spPr>
        <a:xfrm flipH="1">
          <a:off x="9767887" y="20293012"/>
          <a:ext cx="4452938" cy="542925"/>
        </a:xfrm>
        <a:prstGeom prst="straightConnector1">
          <a:avLst/>
        </a:prstGeom>
        <a:ln w="57150">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5</xdr:col>
      <xdr:colOff>47625</xdr:colOff>
      <xdr:row>58</xdr:row>
      <xdr:rowOff>214313</xdr:rowOff>
    </xdr:from>
    <xdr:to>
      <xdr:col>39</xdr:col>
      <xdr:colOff>285750</xdr:colOff>
      <xdr:row>59</xdr:row>
      <xdr:rowOff>452437</xdr:rowOff>
    </xdr:to>
    <xdr:cxnSp macro="">
      <xdr:nvCxnSpPr>
        <xdr:cNvPr id="14" name="直線矢印コネクタ 13"/>
        <xdr:cNvCxnSpPr/>
      </xdr:nvCxnSpPr>
      <xdr:spPr>
        <a:xfrm flipH="1" flipV="1">
          <a:off x="12144375" y="22740938"/>
          <a:ext cx="2124075" cy="619124"/>
        </a:xfrm>
        <a:prstGeom prst="straightConnector1">
          <a:avLst/>
        </a:prstGeom>
        <a:ln w="57150">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2</xdr:col>
      <xdr:colOff>261937</xdr:colOff>
      <xdr:row>59</xdr:row>
      <xdr:rowOff>476249</xdr:rowOff>
    </xdr:from>
    <xdr:to>
      <xdr:col>39</xdr:col>
      <xdr:colOff>261937</xdr:colOff>
      <xdr:row>63</xdr:row>
      <xdr:rowOff>23812</xdr:rowOff>
    </xdr:to>
    <xdr:cxnSp macro="">
      <xdr:nvCxnSpPr>
        <xdr:cNvPr id="15" name="直線矢印コネクタ 14"/>
        <xdr:cNvCxnSpPr/>
      </xdr:nvCxnSpPr>
      <xdr:spPr>
        <a:xfrm flipH="1">
          <a:off x="11258550" y="23383874"/>
          <a:ext cx="2986087" cy="1295401"/>
        </a:xfrm>
        <a:prstGeom prst="straightConnector1">
          <a:avLst/>
        </a:prstGeom>
        <a:ln w="57150">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3</xdr:col>
      <xdr:colOff>23812</xdr:colOff>
      <xdr:row>39</xdr:row>
      <xdr:rowOff>0</xdr:rowOff>
    </xdr:from>
    <xdr:to>
      <xdr:col>32</xdr:col>
      <xdr:colOff>71437</xdr:colOff>
      <xdr:row>40</xdr:row>
      <xdr:rowOff>309562</xdr:rowOff>
    </xdr:to>
    <xdr:sp macro="" textlink="">
      <xdr:nvSpPr>
        <xdr:cNvPr id="16" name="正方形/長方形 15"/>
        <xdr:cNvSpPr/>
      </xdr:nvSpPr>
      <xdr:spPr>
        <a:xfrm>
          <a:off x="7720012" y="15454313"/>
          <a:ext cx="3348038" cy="661987"/>
        </a:xfrm>
        <a:prstGeom prst="rect">
          <a:avLst/>
        </a:prstGeom>
        <a:noFill/>
        <a:ln w="76200">
          <a:solidFill>
            <a:schemeClr val="tx1"/>
          </a:solidFill>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0</xdr:col>
      <xdr:colOff>244620</xdr:colOff>
      <xdr:row>45</xdr:row>
      <xdr:rowOff>10823</xdr:rowOff>
    </xdr:from>
    <xdr:to>
      <xdr:col>27</xdr:col>
      <xdr:colOff>381000</xdr:colOff>
      <xdr:row>46</xdr:row>
      <xdr:rowOff>0</xdr:rowOff>
    </xdr:to>
    <xdr:sp macro="" textlink="">
      <xdr:nvSpPr>
        <xdr:cNvPr id="17" name="正方形/長方形 16"/>
        <xdr:cNvSpPr/>
      </xdr:nvSpPr>
      <xdr:spPr>
        <a:xfrm>
          <a:off x="6840683" y="17693986"/>
          <a:ext cx="2689080" cy="432089"/>
        </a:xfrm>
        <a:prstGeom prst="rect">
          <a:avLst/>
        </a:prstGeom>
        <a:noFill/>
        <a:ln w="76200">
          <a:solidFill>
            <a:schemeClr val="tx1"/>
          </a:solidFill>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9</xdr:col>
      <xdr:colOff>69273</xdr:colOff>
      <xdr:row>63</xdr:row>
      <xdr:rowOff>259773</xdr:rowOff>
    </xdr:from>
    <xdr:to>
      <xdr:col>37</xdr:col>
      <xdr:colOff>640772</xdr:colOff>
      <xdr:row>65</xdr:row>
      <xdr:rowOff>51954</xdr:rowOff>
    </xdr:to>
    <xdr:sp macro="" textlink="">
      <xdr:nvSpPr>
        <xdr:cNvPr id="18" name="正方形/長方形 17"/>
        <xdr:cNvSpPr/>
      </xdr:nvSpPr>
      <xdr:spPr>
        <a:xfrm>
          <a:off x="9965748" y="24915236"/>
          <a:ext cx="3505199" cy="439881"/>
        </a:xfrm>
        <a:prstGeom prst="rect">
          <a:avLst/>
        </a:prstGeom>
        <a:noFill/>
        <a:ln w="76200">
          <a:solidFill>
            <a:schemeClr val="tx1"/>
          </a:solidFill>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t>\\</a:t>
          </a:r>
          <a:endParaRPr kumimoji="1" lang="ja-JP" altLang="en-US" sz="1100"/>
        </a:p>
      </xdr:txBody>
    </xdr:sp>
    <xdr:clientData/>
  </xdr:twoCellAnchor>
  <xdr:twoCellAnchor>
    <xdr:from>
      <xdr:col>4</xdr:col>
      <xdr:colOff>31173</xdr:colOff>
      <xdr:row>70</xdr:row>
      <xdr:rowOff>51955</xdr:rowOff>
    </xdr:from>
    <xdr:to>
      <xdr:col>38</xdr:col>
      <xdr:colOff>17320</xdr:colOff>
      <xdr:row>82</xdr:row>
      <xdr:rowOff>155865</xdr:rowOff>
    </xdr:to>
    <xdr:sp macro="" textlink="">
      <xdr:nvSpPr>
        <xdr:cNvPr id="19" name="正方形/長方形 18"/>
        <xdr:cNvSpPr/>
      </xdr:nvSpPr>
      <xdr:spPr>
        <a:xfrm>
          <a:off x="1188461" y="26326668"/>
          <a:ext cx="12435322" cy="2047010"/>
        </a:xfrm>
        <a:prstGeom prst="rect">
          <a:avLst/>
        </a:prstGeom>
        <a:solidFill>
          <a:schemeClr val="bg1">
            <a:lumMod val="95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100" b="1">
              <a:solidFill>
                <a:schemeClr val="tx1"/>
              </a:solidFill>
            </a:rPr>
            <a:t>「追加的記載項目欄」</a:t>
          </a:r>
          <a:endParaRPr kumimoji="1" lang="en-US" altLang="ja-JP" sz="2100" b="1">
            <a:solidFill>
              <a:schemeClr val="tx1"/>
            </a:solidFill>
          </a:endParaRPr>
        </a:p>
        <a:p>
          <a:pPr algn="l"/>
          <a:r>
            <a:rPr kumimoji="1" lang="ja-JP" altLang="en-US" sz="2100" b="1">
              <a:solidFill>
                <a:schemeClr val="tx1"/>
              </a:solidFill>
            </a:rPr>
            <a:t>①「</a:t>
          </a:r>
          <a:r>
            <a:rPr kumimoji="1" lang="en-US" altLang="ja-JP" sz="2100" b="1">
              <a:solidFill>
                <a:schemeClr val="tx1"/>
              </a:solidFill>
            </a:rPr>
            <a:t>No.9</a:t>
          </a:r>
          <a:r>
            <a:rPr kumimoji="1" lang="ja-JP" altLang="en-US" sz="2100" b="1">
              <a:solidFill>
                <a:schemeClr val="tx1"/>
              </a:solidFill>
            </a:rPr>
            <a:t>：育児休業の取得」→「取得予定」・「取得中」の場合は記入が必要です。</a:t>
          </a:r>
          <a:endParaRPr kumimoji="1" lang="en-US" altLang="ja-JP" sz="2100" b="1">
            <a:solidFill>
              <a:schemeClr val="tx1"/>
            </a:solidFill>
          </a:endParaRPr>
        </a:p>
        <a:p>
          <a:pPr algn="l"/>
          <a:r>
            <a:rPr kumimoji="1" lang="ja-JP" altLang="en-US" sz="2100" b="1">
              <a:solidFill>
                <a:schemeClr val="tx1"/>
              </a:solidFill>
            </a:rPr>
            <a:t>②「</a:t>
          </a:r>
          <a:r>
            <a:rPr kumimoji="1" lang="en-US" altLang="ja-JP" sz="2100" b="1">
              <a:solidFill>
                <a:schemeClr val="tx1"/>
              </a:solidFill>
            </a:rPr>
            <a:t>No.12</a:t>
          </a:r>
          <a:r>
            <a:rPr kumimoji="1" lang="ja-JP" altLang="en-US" sz="2100" b="1">
              <a:solidFill>
                <a:schemeClr val="tx1"/>
              </a:solidFill>
            </a:rPr>
            <a:t>：育児のための短時間制度利用有無」→「取得予定」・「取得中」の場合は記入が必要です。</a:t>
          </a:r>
          <a:endParaRPr kumimoji="1" lang="en-US" altLang="ja-JP" sz="2100" b="1">
            <a:solidFill>
              <a:schemeClr val="tx1"/>
            </a:solidFill>
          </a:endParaRPr>
        </a:p>
        <a:p>
          <a:pPr algn="l"/>
          <a:endParaRPr kumimoji="1" lang="en-US" altLang="ja-JP" sz="2100" b="1">
            <a:solidFill>
              <a:schemeClr val="tx1"/>
            </a:solidFill>
          </a:endParaRPr>
        </a:p>
        <a:p>
          <a:pPr algn="l"/>
          <a:r>
            <a:rPr kumimoji="1" lang="ja-JP" altLang="en-US" sz="2100" b="1">
              <a:solidFill>
                <a:schemeClr val="tx1"/>
              </a:solidFill>
            </a:rPr>
            <a:t>「入所の可否」や認定において必ず必要となりますので、漏れなく記入してください。</a:t>
          </a:r>
          <a:endParaRPr kumimoji="1" lang="en-US" altLang="ja-JP" sz="2100" b="1">
            <a:solidFill>
              <a:schemeClr val="tx1"/>
            </a:solidFill>
          </a:endParaRPr>
        </a:p>
        <a:p>
          <a:pPr algn="l"/>
          <a:r>
            <a:rPr kumimoji="1" lang="ja-JP" altLang="en-US" sz="2100" b="1">
              <a:solidFill>
                <a:schemeClr val="tx1"/>
              </a:solidFill>
            </a:rPr>
            <a:t>（未記入の場合、再提出をお願いする場合があります。）</a:t>
          </a:r>
          <a:endParaRPr kumimoji="1" lang="en-US" altLang="ja-JP" sz="2100" b="1">
            <a:solidFill>
              <a:schemeClr val="tx1"/>
            </a:solidFill>
          </a:endParaRPr>
        </a:p>
        <a:p>
          <a:pPr algn="l"/>
          <a:endParaRPr kumimoji="1" lang="en-US" altLang="ja-JP" sz="2200" b="1">
            <a:solidFill>
              <a:schemeClr val="tx1"/>
            </a:solidFill>
          </a:endParaRPr>
        </a:p>
      </xdr:txBody>
    </xdr:sp>
    <xdr:clientData/>
  </xdr:twoCellAnchor>
  <xdr:twoCellAnchor>
    <xdr:from>
      <xdr:col>19</xdr:col>
      <xdr:colOff>381000</xdr:colOff>
      <xdr:row>66</xdr:row>
      <xdr:rowOff>30203</xdr:rowOff>
    </xdr:from>
    <xdr:to>
      <xdr:col>24</xdr:col>
      <xdr:colOff>229292</xdr:colOff>
      <xdr:row>69</xdr:row>
      <xdr:rowOff>155864</xdr:rowOff>
    </xdr:to>
    <xdr:sp macro="" textlink="">
      <xdr:nvSpPr>
        <xdr:cNvPr id="20" name="左矢印 19"/>
        <xdr:cNvSpPr/>
      </xdr:nvSpPr>
      <xdr:spPr>
        <a:xfrm rot="5400000">
          <a:off x="7138416" y="25114863"/>
          <a:ext cx="611436" cy="1696142"/>
        </a:xfrm>
        <a:prstGeom prst="lef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97419</xdr:colOff>
      <xdr:row>77</xdr:row>
      <xdr:rowOff>6494</xdr:rowOff>
    </xdr:from>
    <xdr:to>
      <xdr:col>3</xdr:col>
      <xdr:colOff>400981</xdr:colOff>
      <xdr:row>77</xdr:row>
      <xdr:rowOff>6494</xdr:rowOff>
    </xdr:to>
    <xdr:cxnSp macro="">
      <xdr:nvCxnSpPr>
        <xdr:cNvPr id="21" name="直線矢印コネクタ 20"/>
        <xdr:cNvCxnSpPr/>
      </xdr:nvCxnSpPr>
      <xdr:spPr>
        <a:xfrm flipV="1">
          <a:off x="416507" y="27414682"/>
          <a:ext cx="722662" cy="0"/>
        </a:xfrm>
        <a:prstGeom prst="straightConnector1">
          <a:avLst/>
        </a:prstGeom>
        <a:ln w="57150">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49790</xdr:colOff>
      <xdr:row>53</xdr:row>
      <xdr:rowOff>0</xdr:rowOff>
    </xdr:from>
    <xdr:to>
      <xdr:col>2</xdr:col>
      <xdr:colOff>49790</xdr:colOff>
      <xdr:row>77</xdr:row>
      <xdr:rowOff>17318</xdr:rowOff>
    </xdr:to>
    <xdr:cxnSp macro="">
      <xdr:nvCxnSpPr>
        <xdr:cNvPr id="22" name="直線コネクタ 21"/>
        <xdr:cNvCxnSpPr/>
      </xdr:nvCxnSpPr>
      <xdr:spPr>
        <a:xfrm flipH="1">
          <a:off x="368878" y="20621625"/>
          <a:ext cx="0" cy="6803881"/>
        </a:xfrm>
        <a:prstGeom prst="line">
          <a:avLst/>
        </a:prstGeom>
        <a:ln w="571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80102</xdr:colOff>
      <xdr:row>52</xdr:row>
      <xdr:rowOff>311726</xdr:rowOff>
    </xdr:from>
    <xdr:to>
      <xdr:col>3</xdr:col>
      <xdr:colOff>383664</xdr:colOff>
      <xdr:row>52</xdr:row>
      <xdr:rowOff>311726</xdr:rowOff>
    </xdr:to>
    <xdr:cxnSp macro="">
      <xdr:nvCxnSpPr>
        <xdr:cNvPr id="23" name="直線コネクタ 22"/>
        <xdr:cNvCxnSpPr/>
      </xdr:nvCxnSpPr>
      <xdr:spPr>
        <a:xfrm flipH="1" flipV="1">
          <a:off x="399190" y="20580926"/>
          <a:ext cx="722662" cy="0"/>
        </a:xfrm>
        <a:prstGeom prst="line">
          <a:avLst/>
        </a:prstGeom>
        <a:ln w="571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xdr:col>
      <xdr:colOff>97420</xdr:colOff>
      <xdr:row>58</xdr:row>
      <xdr:rowOff>17318</xdr:rowOff>
    </xdr:from>
    <xdr:to>
      <xdr:col>3</xdr:col>
      <xdr:colOff>400982</xdr:colOff>
      <xdr:row>58</xdr:row>
      <xdr:rowOff>17319</xdr:rowOff>
    </xdr:to>
    <xdr:cxnSp macro="">
      <xdr:nvCxnSpPr>
        <xdr:cNvPr id="24" name="直線コネクタ 23"/>
        <xdr:cNvCxnSpPr/>
      </xdr:nvCxnSpPr>
      <xdr:spPr>
        <a:xfrm flipH="1" flipV="1">
          <a:off x="416508" y="22543943"/>
          <a:ext cx="722662" cy="1"/>
        </a:xfrm>
        <a:prstGeom prst="line">
          <a:avLst/>
        </a:prstGeom>
        <a:ln w="571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666749</xdr:colOff>
      <xdr:row>51</xdr:row>
      <xdr:rowOff>309563</xdr:rowOff>
    </xdr:from>
    <xdr:to>
      <xdr:col>11</xdr:col>
      <xdr:colOff>-1</xdr:colOff>
      <xdr:row>53</xdr:row>
      <xdr:rowOff>333375</xdr:rowOff>
    </xdr:to>
    <xdr:sp macro="" textlink="">
      <xdr:nvSpPr>
        <xdr:cNvPr id="25" name="楕円 24"/>
        <xdr:cNvSpPr/>
      </xdr:nvSpPr>
      <xdr:spPr>
        <a:xfrm>
          <a:off x="1157287" y="20197763"/>
          <a:ext cx="2138362" cy="757237"/>
        </a:xfrm>
        <a:prstGeom prst="ellipse">
          <a:avLst/>
        </a:prstGeom>
        <a:noFill/>
        <a:ln w="76200">
          <a:solidFill>
            <a:schemeClr val="tx1"/>
          </a:solidFill>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xdr:col>
      <xdr:colOff>23813</xdr:colOff>
      <xdr:row>56</xdr:row>
      <xdr:rowOff>357187</xdr:rowOff>
    </xdr:from>
    <xdr:to>
      <xdr:col>11</xdr:col>
      <xdr:colOff>47626</xdr:colOff>
      <xdr:row>58</xdr:row>
      <xdr:rowOff>357187</xdr:rowOff>
    </xdr:to>
    <xdr:sp macro="" textlink="">
      <xdr:nvSpPr>
        <xdr:cNvPr id="26" name="楕円 25"/>
        <xdr:cNvSpPr/>
      </xdr:nvSpPr>
      <xdr:spPr>
        <a:xfrm>
          <a:off x="1181101" y="22121812"/>
          <a:ext cx="2162175" cy="762000"/>
        </a:xfrm>
        <a:prstGeom prst="ellipse">
          <a:avLst/>
        </a:prstGeom>
        <a:noFill/>
        <a:ln w="76200">
          <a:solidFill>
            <a:schemeClr val="tx1"/>
          </a:solidFill>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comments" Target="../comments1.xml"/><Relationship Id="rId2" Type="http://schemas.openxmlformats.org/officeDocument/2006/relationships/vmlDrawing" Target="../drawings/vmlDrawing1.v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1.xml"/><Relationship Id="rId1" Type="http://schemas.openxmlformats.org/officeDocument/2006/relationships/printerSettings" Target="../printerSettings/printerSettings2.bin"/><Relationship Id="rId4" Type="http://schemas.openxmlformats.org/officeDocument/2006/relationships/comments" Target="../comments2.xm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dimension ref="B1:BD52"/>
  <sheetViews>
    <sheetView tabSelected="1" view="pageBreakPreview" topLeftCell="B1" zoomScale="70" zoomScaleNormal="80" zoomScaleSheetLayoutView="70" workbookViewId="0">
      <selection activeCell="AD3" sqref="AD3:AE3"/>
    </sheetView>
  </sheetViews>
  <sheetFormatPr defaultColWidth="9" defaultRowHeight="13.5"/>
  <cols>
    <col min="1" max="1" width="0" style="46" hidden="1" customWidth="1"/>
    <col min="2" max="2" width="5.125" style="46" customWidth="1"/>
    <col min="3" max="8" width="4.125" style="46" customWidth="1"/>
    <col min="9" max="34" width="5.125" style="46" customWidth="1"/>
    <col min="35" max="35" width="10.875" style="46" customWidth="1"/>
    <col min="36" max="16384" width="9" style="46"/>
  </cols>
  <sheetData>
    <row r="1" spans="2:35" ht="25.5" customHeight="1">
      <c r="B1" s="273" t="s">
        <v>0</v>
      </c>
      <c r="C1" s="273"/>
      <c r="D1" s="273"/>
      <c r="E1" s="273"/>
      <c r="F1" s="273"/>
      <c r="G1" s="273"/>
      <c r="H1" s="273"/>
      <c r="I1" s="273"/>
      <c r="J1" s="273"/>
      <c r="K1" s="273"/>
      <c r="L1" s="273"/>
      <c r="M1" s="273"/>
      <c r="N1" s="273"/>
      <c r="O1" s="273"/>
      <c r="P1" s="273"/>
      <c r="Q1" s="273"/>
      <c r="R1" s="273"/>
      <c r="S1" s="273"/>
      <c r="T1" s="273"/>
      <c r="U1" s="273"/>
      <c r="V1" s="273"/>
      <c r="W1" s="273"/>
      <c r="X1" s="273"/>
      <c r="Y1" s="273"/>
      <c r="Z1" s="273"/>
      <c r="AA1" s="273"/>
      <c r="AB1" s="273"/>
      <c r="AC1" s="273"/>
      <c r="AD1" s="273"/>
      <c r="AE1" s="273"/>
      <c r="AF1" s="273"/>
      <c r="AG1" s="273"/>
      <c r="AH1" s="273"/>
      <c r="AI1" s="45"/>
    </row>
    <row r="2" spans="2:35" ht="25.5" customHeight="1">
      <c r="B2" s="274" t="s">
        <v>155</v>
      </c>
      <c r="C2" s="274"/>
      <c r="D2" s="274"/>
      <c r="E2" s="274"/>
      <c r="F2" s="274"/>
      <c r="G2" s="274"/>
      <c r="H2" s="274"/>
      <c r="I2" s="274"/>
      <c r="J2" s="47" t="s">
        <v>1</v>
      </c>
      <c r="K2" s="275"/>
      <c r="L2" s="275"/>
      <c r="M2" s="275"/>
      <c r="N2" s="275"/>
      <c r="O2" s="275"/>
      <c r="P2" s="275"/>
      <c r="Q2" s="275"/>
      <c r="R2" s="275"/>
      <c r="S2" s="275"/>
      <c r="T2" s="275"/>
      <c r="U2" s="275"/>
      <c r="V2" s="275"/>
      <c r="W2" s="275"/>
      <c r="X2" s="275"/>
      <c r="Y2" s="275"/>
      <c r="Z2" s="275"/>
      <c r="AA2" s="275"/>
      <c r="AB2" s="275"/>
      <c r="AC2" s="275"/>
      <c r="AD2" s="275"/>
      <c r="AE2" s="275"/>
      <c r="AF2" s="275"/>
      <c r="AG2" s="275"/>
      <c r="AH2" s="275"/>
      <c r="AI2" s="275"/>
    </row>
    <row r="3" spans="2:35" ht="30" customHeight="1">
      <c r="B3" s="276"/>
      <c r="C3" s="276"/>
      <c r="D3" s="276"/>
      <c r="E3" s="276"/>
      <c r="F3" s="276"/>
      <c r="G3" s="276"/>
      <c r="H3" s="276"/>
      <c r="I3" s="276"/>
      <c r="J3" s="276"/>
      <c r="K3" s="276"/>
      <c r="L3" s="276"/>
      <c r="M3" s="276"/>
      <c r="N3" s="276"/>
      <c r="O3" s="276"/>
      <c r="P3" s="276"/>
      <c r="Q3" s="276"/>
      <c r="R3" s="276"/>
      <c r="S3" s="276"/>
      <c r="T3" s="276"/>
      <c r="U3" s="276"/>
      <c r="V3" s="48" t="s">
        <v>2</v>
      </c>
      <c r="W3" s="48"/>
      <c r="X3" s="48"/>
      <c r="Y3" s="277" t="s">
        <v>3</v>
      </c>
      <c r="Z3" s="278"/>
      <c r="AA3" s="252"/>
      <c r="AB3" s="252"/>
      <c r="AC3" s="49" t="s">
        <v>4</v>
      </c>
      <c r="AD3" s="252"/>
      <c r="AE3" s="252"/>
      <c r="AF3" s="49" t="s">
        <v>5</v>
      </c>
      <c r="AG3" s="252"/>
      <c r="AH3" s="252"/>
      <c r="AI3" s="49" t="s">
        <v>6</v>
      </c>
    </row>
    <row r="4" spans="2:35" ht="30" customHeight="1">
      <c r="B4" s="276"/>
      <c r="C4" s="276"/>
      <c r="D4" s="276"/>
      <c r="E4" s="276"/>
      <c r="F4" s="276"/>
      <c r="G4" s="276"/>
      <c r="H4" s="276"/>
      <c r="I4" s="276"/>
      <c r="J4" s="276"/>
      <c r="K4" s="276"/>
      <c r="L4" s="276"/>
      <c r="M4" s="276"/>
      <c r="N4" s="276"/>
      <c r="O4" s="276"/>
      <c r="P4" s="276"/>
      <c r="Q4" s="276"/>
      <c r="R4" s="276"/>
      <c r="S4" s="276"/>
      <c r="T4" s="276"/>
      <c r="U4" s="276"/>
      <c r="V4" s="268" t="s">
        <v>7</v>
      </c>
      <c r="W4" s="268"/>
      <c r="X4" s="268"/>
      <c r="Y4" s="268"/>
      <c r="Z4" s="269"/>
      <c r="AA4" s="269"/>
      <c r="AB4" s="269"/>
      <c r="AC4" s="269"/>
      <c r="AD4" s="269"/>
      <c r="AE4" s="269"/>
      <c r="AF4" s="269"/>
      <c r="AG4" s="269"/>
      <c r="AH4" s="269"/>
      <c r="AI4" s="269"/>
    </row>
    <row r="5" spans="2:35" ht="30" customHeight="1">
      <c r="B5" s="276"/>
      <c r="C5" s="276"/>
      <c r="D5" s="276"/>
      <c r="E5" s="276"/>
      <c r="F5" s="276"/>
      <c r="G5" s="276"/>
      <c r="H5" s="276"/>
      <c r="I5" s="276"/>
      <c r="J5" s="276"/>
      <c r="K5" s="276"/>
      <c r="L5" s="276"/>
      <c r="M5" s="276"/>
      <c r="N5" s="276"/>
      <c r="O5" s="276"/>
      <c r="P5" s="276"/>
      <c r="Q5" s="276"/>
      <c r="R5" s="276"/>
      <c r="S5" s="276"/>
      <c r="T5" s="276"/>
      <c r="U5" s="276"/>
      <c r="V5" s="268" t="s">
        <v>8</v>
      </c>
      <c r="W5" s="268"/>
      <c r="X5" s="268"/>
      <c r="Y5" s="268"/>
      <c r="Z5" s="269"/>
      <c r="AA5" s="269"/>
      <c r="AB5" s="269"/>
      <c r="AC5" s="269"/>
      <c r="AD5" s="269"/>
      <c r="AE5" s="269"/>
      <c r="AF5" s="269"/>
      <c r="AG5" s="269"/>
      <c r="AH5" s="269"/>
      <c r="AI5" s="269"/>
    </row>
    <row r="6" spans="2:35" ht="30" customHeight="1">
      <c r="B6" s="267"/>
      <c r="C6" s="267"/>
      <c r="D6" s="267"/>
      <c r="E6" s="267"/>
      <c r="F6" s="267"/>
      <c r="G6" s="267"/>
      <c r="H6" s="267"/>
      <c r="I6" s="267"/>
      <c r="J6" s="267"/>
      <c r="K6" s="267"/>
      <c r="L6" s="267"/>
      <c r="M6" s="267"/>
      <c r="N6" s="267"/>
      <c r="O6" s="267"/>
      <c r="P6" s="50"/>
      <c r="Q6" s="50"/>
      <c r="R6" s="50"/>
      <c r="S6" s="50"/>
      <c r="T6" s="50"/>
      <c r="U6" s="50"/>
      <c r="V6" s="268" t="s">
        <v>9</v>
      </c>
      <c r="W6" s="268"/>
      <c r="X6" s="268"/>
      <c r="Y6" s="268"/>
      <c r="Z6" s="269"/>
      <c r="AA6" s="269"/>
      <c r="AB6" s="269"/>
      <c r="AC6" s="269"/>
      <c r="AD6" s="269"/>
      <c r="AE6" s="269"/>
      <c r="AF6" s="269"/>
      <c r="AG6" s="269"/>
      <c r="AH6" s="269"/>
      <c r="AI6" s="269"/>
    </row>
    <row r="7" spans="2:35" ht="30" customHeight="1">
      <c r="B7" s="270"/>
      <c r="C7" s="270"/>
      <c r="D7" s="270"/>
      <c r="E7" s="271"/>
      <c r="F7" s="271"/>
      <c r="G7" s="271"/>
      <c r="H7" s="271"/>
      <c r="I7" s="51"/>
      <c r="J7" s="271"/>
      <c r="K7" s="271"/>
      <c r="L7" s="51"/>
      <c r="M7" s="271"/>
      <c r="N7" s="271"/>
      <c r="O7" s="51"/>
      <c r="P7" s="50"/>
      <c r="Q7" s="50"/>
      <c r="R7" s="50"/>
      <c r="S7" s="50"/>
      <c r="T7" s="50"/>
      <c r="U7" s="50"/>
      <c r="V7" s="268" t="s">
        <v>10</v>
      </c>
      <c r="W7" s="268"/>
      <c r="X7" s="268"/>
      <c r="Y7" s="52"/>
      <c r="Z7" s="272"/>
      <c r="AA7" s="272"/>
      <c r="AB7" s="53" t="s">
        <v>11</v>
      </c>
      <c r="AC7" s="272"/>
      <c r="AD7" s="272"/>
      <c r="AE7" s="272"/>
      <c r="AF7" s="53" t="s">
        <v>11</v>
      </c>
      <c r="AG7" s="272"/>
      <c r="AH7" s="272"/>
      <c r="AI7" s="272"/>
    </row>
    <row r="8" spans="2:35" ht="30" customHeight="1">
      <c r="B8" s="270"/>
      <c r="C8" s="270"/>
      <c r="D8" s="270"/>
      <c r="E8" s="270"/>
      <c r="F8" s="270"/>
      <c r="G8" s="270"/>
      <c r="H8" s="270"/>
      <c r="I8" s="270"/>
      <c r="J8" s="270"/>
      <c r="K8" s="270"/>
      <c r="L8" s="270"/>
      <c r="M8" s="270"/>
      <c r="N8" s="270"/>
      <c r="O8" s="270"/>
      <c r="P8" s="50"/>
      <c r="Q8" s="50"/>
      <c r="R8" s="50"/>
      <c r="S8" s="50"/>
      <c r="T8" s="50"/>
      <c r="U8" s="50"/>
      <c r="V8" s="295" t="s">
        <v>12</v>
      </c>
      <c r="W8" s="295"/>
      <c r="X8" s="295"/>
      <c r="Y8" s="295"/>
      <c r="Z8" s="296"/>
      <c r="AA8" s="296"/>
      <c r="AB8" s="296"/>
      <c r="AC8" s="296"/>
      <c r="AD8" s="296"/>
      <c r="AE8" s="296"/>
      <c r="AF8" s="296"/>
      <c r="AG8" s="296"/>
      <c r="AH8" s="296"/>
      <c r="AI8" s="296"/>
    </row>
    <row r="9" spans="2:35" ht="30" customHeight="1">
      <c r="B9" s="270"/>
      <c r="C9" s="270"/>
      <c r="D9" s="270"/>
      <c r="E9" s="270"/>
      <c r="F9" s="297"/>
      <c r="G9" s="297"/>
      <c r="H9" s="54"/>
      <c r="I9" s="297"/>
      <c r="J9" s="297"/>
      <c r="K9" s="297"/>
      <c r="L9" s="54"/>
      <c r="M9" s="297"/>
      <c r="N9" s="297"/>
      <c r="O9" s="297"/>
      <c r="P9" s="50"/>
      <c r="Q9" s="50"/>
      <c r="R9" s="50"/>
      <c r="S9" s="50"/>
      <c r="T9" s="50"/>
      <c r="U9" s="50"/>
      <c r="V9" s="268" t="s">
        <v>13</v>
      </c>
      <c r="W9" s="268"/>
      <c r="X9" s="268"/>
      <c r="Y9" s="268"/>
      <c r="Z9" s="272"/>
      <c r="AA9" s="272"/>
      <c r="AB9" s="53" t="s">
        <v>11</v>
      </c>
      <c r="AC9" s="272"/>
      <c r="AD9" s="272"/>
      <c r="AE9" s="272"/>
      <c r="AF9" s="53" t="s">
        <v>11</v>
      </c>
      <c r="AG9" s="272"/>
      <c r="AH9" s="272"/>
      <c r="AI9" s="272"/>
    </row>
    <row r="10" spans="2:35" ht="25.5" customHeight="1">
      <c r="B10" s="55" t="s">
        <v>14</v>
      </c>
      <c r="C10" s="56"/>
      <c r="D10" s="56"/>
      <c r="E10" s="56"/>
      <c r="F10" s="56"/>
      <c r="G10" s="56"/>
      <c r="H10" s="56"/>
      <c r="I10" s="56"/>
      <c r="J10" s="56"/>
      <c r="K10" s="56"/>
      <c r="L10" s="56"/>
      <c r="M10" s="56"/>
      <c r="N10" s="56"/>
      <c r="O10" s="56"/>
      <c r="P10" s="50"/>
      <c r="Q10" s="50"/>
      <c r="R10" s="50"/>
      <c r="S10" s="50"/>
      <c r="T10" s="50"/>
      <c r="U10" s="50"/>
      <c r="V10" s="298"/>
      <c r="W10" s="298"/>
      <c r="X10" s="298"/>
      <c r="Y10" s="298"/>
      <c r="Z10" s="298"/>
      <c r="AA10" s="298"/>
      <c r="AB10" s="298"/>
      <c r="AC10" s="298"/>
      <c r="AD10" s="298"/>
      <c r="AE10" s="298"/>
      <c r="AF10" s="298"/>
      <c r="AG10" s="298"/>
      <c r="AH10" s="298"/>
      <c r="AI10" s="298"/>
    </row>
    <row r="11" spans="2:35" ht="25.5" customHeight="1">
      <c r="B11" s="57" t="s">
        <v>15</v>
      </c>
      <c r="C11" s="56"/>
      <c r="D11" s="56"/>
      <c r="E11" s="56"/>
      <c r="F11" s="56"/>
      <c r="G11" s="56"/>
      <c r="H11" s="56"/>
      <c r="I11" s="56"/>
      <c r="J11" s="56"/>
      <c r="K11" s="56"/>
      <c r="L11" s="56"/>
      <c r="M11" s="56"/>
      <c r="N11" s="56"/>
      <c r="O11" s="56"/>
      <c r="P11" s="56"/>
      <c r="Q11" s="56"/>
      <c r="R11" s="56"/>
      <c r="S11" s="56"/>
      <c r="T11" s="56"/>
      <c r="U11" s="56"/>
      <c r="V11" s="56"/>
      <c r="W11" s="56"/>
      <c r="X11" s="56"/>
      <c r="Y11" s="56"/>
      <c r="Z11" s="56"/>
      <c r="AA11" s="56"/>
      <c r="AB11" s="56"/>
      <c r="AC11" s="56"/>
      <c r="AD11" s="56"/>
      <c r="AE11" s="56"/>
      <c r="AF11" s="56"/>
      <c r="AG11" s="56"/>
      <c r="AH11" s="56"/>
      <c r="AI11" s="56"/>
    </row>
    <row r="12" spans="2:35" ht="25.5" customHeight="1" thickBot="1">
      <c r="B12" s="55"/>
      <c r="C12" s="56"/>
      <c r="D12" s="56"/>
      <c r="E12" s="56"/>
      <c r="F12" s="56"/>
      <c r="G12" s="56"/>
      <c r="H12" s="56"/>
      <c r="I12" s="56"/>
      <c r="J12" s="56"/>
      <c r="K12" s="56"/>
      <c r="L12" s="56"/>
      <c r="M12" s="56"/>
      <c r="N12" s="56"/>
      <c r="O12" s="56"/>
      <c r="P12" s="56"/>
      <c r="Q12" s="56"/>
      <c r="R12" s="56"/>
      <c r="S12" s="56"/>
      <c r="T12" s="56"/>
      <c r="U12" s="56"/>
      <c r="V12" s="56"/>
      <c r="W12" s="56"/>
      <c r="X12" s="56"/>
      <c r="Y12" s="56"/>
      <c r="Z12" s="56"/>
      <c r="AA12" s="56"/>
      <c r="AB12" s="56"/>
      <c r="AC12" s="56"/>
      <c r="AD12" s="56"/>
      <c r="AE12" s="56"/>
      <c r="AF12" s="56"/>
      <c r="AG12" s="56"/>
      <c r="AH12" s="56"/>
      <c r="AI12" s="56"/>
    </row>
    <row r="13" spans="2:35" ht="25.5" customHeight="1" thickBot="1">
      <c r="B13" s="58" t="s">
        <v>16</v>
      </c>
      <c r="C13" s="299" t="s">
        <v>17</v>
      </c>
      <c r="D13" s="300"/>
      <c r="E13" s="300"/>
      <c r="F13" s="300"/>
      <c r="G13" s="300"/>
      <c r="H13" s="301"/>
      <c r="I13" s="299" t="s">
        <v>18</v>
      </c>
      <c r="J13" s="300"/>
      <c r="K13" s="300"/>
      <c r="L13" s="300"/>
      <c r="M13" s="300"/>
      <c r="N13" s="300"/>
      <c r="O13" s="300"/>
      <c r="P13" s="300"/>
      <c r="Q13" s="300"/>
      <c r="R13" s="300"/>
      <c r="S13" s="300"/>
      <c r="T13" s="300"/>
      <c r="U13" s="300"/>
      <c r="V13" s="300"/>
      <c r="W13" s="300"/>
      <c r="X13" s="300"/>
      <c r="Y13" s="300"/>
      <c r="Z13" s="300"/>
      <c r="AA13" s="300"/>
      <c r="AB13" s="300"/>
      <c r="AC13" s="300"/>
      <c r="AD13" s="300"/>
      <c r="AE13" s="300"/>
      <c r="AF13" s="300"/>
      <c r="AG13" s="300"/>
      <c r="AH13" s="302"/>
      <c r="AI13" s="301"/>
    </row>
    <row r="14" spans="2:35" ht="25.5" customHeight="1">
      <c r="B14" s="265">
        <v>1</v>
      </c>
      <c r="C14" s="292" t="s">
        <v>19</v>
      </c>
      <c r="D14" s="292"/>
      <c r="E14" s="292"/>
      <c r="F14" s="292"/>
      <c r="G14" s="292"/>
      <c r="H14" s="292"/>
      <c r="I14" s="32" t="s">
        <v>122</v>
      </c>
      <c r="J14" s="59" t="s">
        <v>102</v>
      </c>
      <c r="K14" s="59"/>
      <c r="L14" s="59"/>
      <c r="M14" s="33" t="s">
        <v>122</v>
      </c>
      <c r="N14" s="59" t="s">
        <v>103</v>
      </c>
      <c r="O14" s="59"/>
      <c r="P14" s="59"/>
      <c r="Q14" s="33" t="s">
        <v>122</v>
      </c>
      <c r="R14" s="59" t="s">
        <v>104</v>
      </c>
      <c r="S14" s="59"/>
      <c r="T14" s="59"/>
      <c r="U14" s="59"/>
      <c r="V14" s="59"/>
      <c r="W14" s="33" t="s">
        <v>122</v>
      </c>
      <c r="X14" s="59" t="s">
        <v>105</v>
      </c>
      <c r="Y14" s="59"/>
      <c r="Z14" s="33" t="s">
        <v>122</v>
      </c>
      <c r="AA14" s="59" t="s">
        <v>106</v>
      </c>
      <c r="AB14" s="59"/>
      <c r="AC14" s="33" t="s">
        <v>122</v>
      </c>
      <c r="AD14" s="59" t="s">
        <v>107</v>
      </c>
      <c r="AE14" s="59"/>
      <c r="AF14" s="59"/>
      <c r="AG14" s="59"/>
      <c r="AH14" s="59"/>
      <c r="AI14" s="60"/>
    </row>
    <row r="15" spans="2:35" ht="25.5" customHeight="1">
      <c r="B15" s="291"/>
      <c r="C15" s="293"/>
      <c r="D15" s="293"/>
      <c r="E15" s="293"/>
      <c r="F15" s="293"/>
      <c r="G15" s="293"/>
      <c r="H15" s="293"/>
      <c r="I15" s="34" t="s">
        <v>122</v>
      </c>
      <c r="J15" s="61" t="s">
        <v>108</v>
      </c>
      <c r="K15" s="61"/>
      <c r="L15" s="61"/>
      <c r="M15" s="35" t="s">
        <v>122</v>
      </c>
      <c r="N15" s="61" t="s">
        <v>109</v>
      </c>
      <c r="O15" s="61"/>
      <c r="P15" s="61"/>
      <c r="Q15" s="35" t="s">
        <v>122</v>
      </c>
      <c r="R15" s="61" t="s">
        <v>110</v>
      </c>
      <c r="S15" s="61"/>
      <c r="T15" s="61"/>
      <c r="U15" s="61"/>
      <c r="V15" s="61"/>
      <c r="W15" s="35" t="s">
        <v>122</v>
      </c>
      <c r="X15" s="61" t="s">
        <v>111</v>
      </c>
      <c r="Y15" s="61"/>
      <c r="Z15" s="61"/>
      <c r="AA15" s="61"/>
      <c r="AB15" s="61"/>
      <c r="AC15" s="35" t="s">
        <v>122</v>
      </c>
      <c r="AD15" s="61" t="s">
        <v>112</v>
      </c>
      <c r="AE15" s="61"/>
      <c r="AF15" s="61"/>
      <c r="AG15" s="61"/>
      <c r="AH15" s="61"/>
      <c r="AI15" s="62"/>
    </row>
    <row r="16" spans="2:35" ht="25.5" customHeight="1">
      <c r="B16" s="291"/>
      <c r="C16" s="293"/>
      <c r="D16" s="293"/>
      <c r="E16" s="293"/>
      <c r="F16" s="293"/>
      <c r="G16" s="293"/>
      <c r="H16" s="293"/>
      <c r="I16" s="34" t="s">
        <v>122</v>
      </c>
      <c r="J16" s="61" t="s">
        <v>113</v>
      </c>
      <c r="K16" s="61"/>
      <c r="L16" s="61"/>
      <c r="M16" s="61"/>
      <c r="N16" s="61"/>
      <c r="O16" s="61"/>
      <c r="P16" s="61"/>
      <c r="Q16" s="35" t="s">
        <v>122</v>
      </c>
      <c r="R16" s="61" t="s">
        <v>114</v>
      </c>
      <c r="S16" s="61"/>
      <c r="T16" s="61"/>
      <c r="U16" s="61"/>
      <c r="V16" s="61"/>
      <c r="W16" s="35" t="s">
        <v>122</v>
      </c>
      <c r="X16" s="61" t="s">
        <v>115</v>
      </c>
      <c r="Y16" s="61"/>
      <c r="Z16" s="61"/>
      <c r="AA16" s="61"/>
      <c r="AB16" s="61"/>
      <c r="AC16" s="61"/>
      <c r="AD16" s="35" t="s">
        <v>122</v>
      </c>
      <c r="AE16" s="61" t="s">
        <v>116</v>
      </c>
      <c r="AF16" s="61"/>
      <c r="AG16" s="61"/>
      <c r="AH16" s="61"/>
      <c r="AI16" s="62"/>
    </row>
    <row r="17" spans="2:56" ht="25.5" customHeight="1" thickBot="1">
      <c r="B17" s="266"/>
      <c r="C17" s="294"/>
      <c r="D17" s="294"/>
      <c r="E17" s="294"/>
      <c r="F17" s="294"/>
      <c r="G17" s="294"/>
      <c r="H17" s="294"/>
      <c r="I17" s="36" t="s">
        <v>122</v>
      </c>
      <c r="J17" s="63" t="s">
        <v>119</v>
      </c>
      <c r="K17" s="63"/>
      <c r="L17" s="63"/>
      <c r="M17" s="63"/>
      <c r="N17" s="37" t="s">
        <v>122</v>
      </c>
      <c r="O17" s="63" t="s">
        <v>117</v>
      </c>
      <c r="P17" s="63"/>
      <c r="Q17" s="63"/>
      <c r="R17" s="63"/>
      <c r="S17" s="37" t="s">
        <v>122</v>
      </c>
      <c r="T17" s="63" t="s">
        <v>118</v>
      </c>
      <c r="U17" s="63"/>
      <c r="V17" s="63"/>
      <c r="W17" s="37" t="s">
        <v>122</v>
      </c>
      <c r="X17" s="63" t="s">
        <v>120</v>
      </c>
      <c r="Y17" s="63"/>
      <c r="Z17" s="303"/>
      <c r="AA17" s="303"/>
      <c r="AB17" s="303"/>
      <c r="AC17" s="303"/>
      <c r="AD17" s="303"/>
      <c r="AE17" s="303"/>
      <c r="AF17" s="303"/>
      <c r="AG17" s="63" t="s">
        <v>20</v>
      </c>
      <c r="AH17" s="63"/>
      <c r="AI17" s="64"/>
    </row>
    <row r="18" spans="2:56" ht="26.1" customHeight="1">
      <c r="B18" s="265">
        <v>2</v>
      </c>
      <c r="C18" s="280" t="s">
        <v>21</v>
      </c>
      <c r="D18" s="254"/>
      <c r="E18" s="254"/>
      <c r="F18" s="254"/>
      <c r="G18" s="254"/>
      <c r="H18" s="255"/>
      <c r="I18" s="281"/>
      <c r="J18" s="282"/>
      <c r="K18" s="282"/>
      <c r="L18" s="282"/>
      <c r="M18" s="282"/>
      <c r="N18" s="282"/>
      <c r="O18" s="282"/>
      <c r="P18" s="282"/>
      <c r="Q18" s="282"/>
      <c r="R18" s="282"/>
      <c r="S18" s="282"/>
      <c r="T18" s="282"/>
      <c r="U18" s="282"/>
      <c r="V18" s="282"/>
      <c r="W18" s="282"/>
      <c r="X18" s="282"/>
      <c r="Y18" s="282"/>
      <c r="Z18" s="283"/>
      <c r="AA18" s="65"/>
      <c r="AB18" s="66"/>
      <c r="AC18" s="66"/>
      <c r="AD18" s="66"/>
      <c r="AE18" s="66"/>
      <c r="AF18" s="66"/>
      <c r="AG18" s="66"/>
      <c r="AH18" s="66"/>
      <c r="AI18" s="67"/>
    </row>
    <row r="19" spans="2:56" ht="45" customHeight="1" thickBot="1">
      <c r="B19" s="266"/>
      <c r="C19" s="284" t="s">
        <v>22</v>
      </c>
      <c r="D19" s="285"/>
      <c r="E19" s="285"/>
      <c r="F19" s="285"/>
      <c r="G19" s="285"/>
      <c r="H19" s="286"/>
      <c r="I19" s="287"/>
      <c r="J19" s="288"/>
      <c r="K19" s="288"/>
      <c r="L19" s="288"/>
      <c r="M19" s="288"/>
      <c r="N19" s="288"/>
      <c r="O19" s="288"/>
      <c r="P19" s="288"/>
      <c r="Q19" s="288"/>
      <c r="R19" s="288"/>
      <c r="S19" s="288"/>
      <c r="T19" s="288"/>
      <c r="U19" s="288"/>
      <c r="V19" s="288"/>
      <c r="W19" s="288"/>
      <c r="X19" s="288"/>
      <c r="Y19" s="288"/>
      <c r="Z19" s="288"/>
      <c r="AA19" s="289" t="s">
        <v>23</v>
      </c>
      <c r="AB19" s="290"/>
      <c r="AC19" s="208"/>
      <c r="AD19" s="208"/>
      <c r="AE19" s="68" t="s">
        <v>24</v>
      </c>
      <c r="AF19" s="4"/>
      <c r="AG19" s="68" t="s">
        <v>5</v>
      </c>
      <c r="AH19" s="4"/>
      <c r="AI19" s="69" t="s">
        <v>25</v>
      </c>
      <c r="BD19" s="31"/>
    </row>
    <row r="20" spans="2:56" ht="33.75" customHeight="1" thickBot="1">
      <c r="B20" s="70">
        <v>3</v>
      </c>
      <c r="C20" s="209" t="s">
        <v>26</v>
      </c>
      <c r="D20" s="210"/>
      <c r="E20" s="210"/>
      <c r="F20" s="210"/>
      <c r="G20" s="210"/>
      <c r="H20" s="211"/>
      <c r="I20" s="34" t="s">
        <v>122</v>
      </c>
      <c r="J20" s="71" t="s">
        <v>125</v>
      </c>
      <c r="K20" s="35" t="s">
        <v>122</v>
      </c>
      <c r="L20" s="72" t="s">
        <v>126</v>
      </c>
      <c r="M20" s="212" t="s">
        <v>27</v>
      </c>
      <c r="N20" s="213"/>
      <c r="O20" s="213"/>
      <c r="P20" s="213"/>
      <c r="Q20" s="213"/>
      <c r="R20" s="213"/>
      <c r="S20" s="214"/>
      <c r="T20" s="215"/>
      <c r="U20" s="216"/>
      <c r="V20" s="73" t="s">
        <v>4</v>
      </c>
      <c r="W20" s="44"/>
      <c r="X20" s="73" t="s">
        <v>5</v>
      </c>
      <c r="Y20" s="44"/>
      <c r="Z20" s="73" t="s">
        <v>6</v>
      </c>
      <c r="AA20" s="73" t="s">
        <v>28</v>
      </c>
      <c r="AB20" s="216"/>
      <c r="AC20" s="217"/>
      <c r="AD20" s="73" t="s">
        <v>4</v>
      </c>
      <c r="AE20" s="44"/>
      <c r="AF20" s="73" t="s">
        <v>5</v>
      </c>
      <c r="AG20" s="44"/>
      <c r="AH20" s="73" t="s">
        <v>6</v>
      </c>
      <c r="AI20" s="74"/>
    </row>
    <row r="21" spans="2:56" ht="35.1" customHeight="1" thickBot="1">
      <c r="B21" s="265">
        <v>4</v>
      </c>
      <c r="C21" s="253" t="s">
        <v>29</v>
      </c>
      <c r="D21" s="254"/>
      <c r="E21" s="254"/>
      <c r="F21" s="254"/>
      <c r="G21" s="254"/>
      <c r="H21" s="255"/>
      <c r="I21" s="259" t="s">
        <v>30</v>
      </c>
      <c r="J21" s="260"/>
      <c r="K21" s="260"/>
      <c r="L21" s="261"/>
      <c r="M21" s="262"/>
      <c r="N21" s="263"/>
      <c r="O21" s="263"/>
      <c r="P21" s="263"/>
      <c r="Q21" s="263"/>
      <c r="R21" s="263"/>
      <c r="S21" s="263"/>
      <c r="T21" s="263"/>
      <c r="U21" s="263"/>
      <c r="V21" s="263"/>
      <c r="W21" s="263"/>
      <c r="X21" s="263"/>
      <c r="Y21" s="263"/>
      <c r="Z21" s="263"/>
      <c r="AA21" s="263"/>
      <c r="AB21" s="263"/>
      <c r="AC21" s="263"/>
      <c r="AD21" s="263"/>
      <c r="AE21" s="263"/>
      <c r="AF21" s="263"/>
      <c r="AG21" s="263"/>
      <c r="AH21" s="263"/>
      <c r="AI21" s="264"/>
    </row>
    <row r="22" spans="2:56" ht="35.1" customHeight="1" thickBot="1">
      <c r="B22" s="279"/>
      <c r="C22" s="256"/>
      <c r="D22" s="257"/>
      <c r="E22" s="257"/>
      <c r="F22" s="257"/>
      <c r="G22" s="257"/>
      <c r="H22" s="258"/>
      <c r="I22" s="259" t="s">
        <v>31</v>
      </c>
      <c r="J22" s="260"/>
      <c r="K22" s="260"/>
      <c r="L22" s="261"/>
      <c r="M22" s="262"/>
      <c r="N22" s="263"/>
      <c r="O22" s="263"/>
      <c r="P22" s="263"/>
      <c r="Q22" s="263"/>
      <c r="R22" s="263"/>
      <c r="S22" s="263"/>
      <c r="T22" s="263"/>
      <c r="U22" s="263"/>
      <c r="V22" s="263"/>
      <c r="W22" s="263"/>
      <c r="X22" s="263"/>
      <c r="Y22" s="263"/>
      <c r="Z22" s="263"/>
      <c r="AA22" s="263"/>
      <c r="AB22" s="263"/>
      <c r="AC22" s="263"/>
      <c r="AD22" s="263"/>
      <c r="AE22" s="263"/>
      <c r="AF22" s="263"/>
      <c r="AG22" s="263"/>
      <c r="AH22" s="263"/>
      <c r="AI22" s="264"/>
    </row>
    <row r="23" spans="2:56" ht="27.95" customHeight="1">
      <c r="B23" s="265">
        <v>5</v>
      </c>
      <c r="C23" s="253" t="s">
        <v>32</v>
      </c>
      <c r="D23" s="254"/>
      <c r="E23" s="254"/>
      <c r="F23" s="254"/>
      <c r="G23" s="254"/>
      <c r="H23" s="255"/>
      <c r="I23" s="32" t="s">
        <v>122</v>
      </c>
      <c r="J23" s="75" t="s">
        <v>132</v>
      </c>
      <c r="K23" s="75"/>
      <c r="L23" s="33" t="s">
        <v>122</v>
      </c>
      <c r="M23" s="76" t="s">
        <v>133</v>
      </c>
      <c r="N23" s="76"/>
      <c r="O23" s="76"/>
      <c r="P23" s="76"/>
      <c r="Q23" s="33" t="s">
        <v>122</v>
      </c>
      <c r="R23" s="76" t="s">
        <v>134</v>
      </c>
      <c r="S23" s="76"/>
      <c r="T23" s="33" t="s">
        <v>122</v>
      </c>
      <c r="U23" s="76" t="s">
        <v>135</v>
      </c>
      <c r="V23" s="76"/>
      <c r="W23" s="33" t="s">
        <v>122</v>
      </c>
      <c r="X23" s="76" t="s">
        <v>136</v>
      </c>
      <c r="Y23" s="76"/>
      <c r="Z23" s="76"/>
      <c r="AA23" s="76"/>
      <c r="AB23" s="33" t="s">
        <v>122</v>
      </c>
      <c r="AC23" s="76" t="s">
        <v>137</v>
      </c>
      <c r="AD23" s="76"/>
      <c r="AE23" s="76"/>
      <c r="AF23" s="76"/>
      <c r="AG23" s="33" t="s">
        <v>122</v>
      </c>
      <c r="AH23" s="76" t="s">
        <v>138</v>
      </c>
      <c r="AI23" s="77"/>
    </row>
    <row r="24" spans="2:56" ht="27.95" customHeight="1" thickBot="1">
      <c r="B24" s="266"/>
      <c r="C24" s="306"/>
      <c r="D24" s="307"/>
      <c r="E24" s="307"/>
      <c r="F24" s="307"/>
      <c r="G24" s="307"/>
      <c r="H24" s="308"/>
      <c r="I24" s="34" t="s">
        <v>122</v>
      </c>
      <c r="J24" s="78" t="s">
        <v>139</v>
      </c>
      <c r="K24" s="78"/>
      <c r="L24" s="35" t="s">
        <v>122</v>
      </c>
      <c r="M24" s="79" t="s">
        <v>140</v>
      </c>
      <c r="N24" s="79"/>
      <c r="O24" s="79"/>
      <c r="P24" s="79"/>
      <c r="Q24" s="35" t="s">
        <v>122</v>
      </c>
      <c r="R24" s="79" t="s">
        <v>141</v>
      </c>
      <c r="S24" s="79"/>
      <c r="T24" s="80"/>
      <c r="U24" s="35" t="s">
        <v>122</v>
      </c>
      <c r="V24" s="79" t="s">
        <v>142</v>
      </c>
      <c r="W24" s="35" t="s">
        <v>122</v>
      </c>
      <c r="X24" s="79" t="s">
        <v>143</v>
      </c>
      <c r="Y24" s="79"/>
      <c r="Z24" s="79"/>
      <c r="AA24" s="35" t="s">
        <v>156</v>
      </c>
      <c r="AB24" s="79" t="s">
        <v>144</v>
      </c>
      <c r="AC24" s="63"/>
      <c r="AD24" s="232"/>
      <c r="AE24" s="232"/>
      <c r="AF24" s="232"/>
      <c r="AG24" s="232"/>
      <c r="AH24" s="232"/>
      <c r="AI24" s="81" t="s">
        <v>33</v>
      </c>
    </row>
    <row r="25" spans="2:56" ht="27.95" customHeight="1">
      <c r="B25" s="243">
        <v>6</v>
      </c>
      <c r="C25" s="209" t="s">
        <v>34</v>
      </c>
      <c r="D25" s="210"/>
      <c r="E25" s="210"/>
      <c r="F25" s="210"/>
      <c r="G25" s="210"/>
      <c r="H25" s="211"/>
      <c r="I25" s="82" t="s">
        <v>100</v>
      </c>
      <c r="J25" s="83" t="s">
        <v>101</v>
      </c>
      <c r="K25" s="83" t="s">
        <v>127</v>
      </c>
      <c r="L25" s="83" t="s">
        <v>128</v>
      </c>
      <c r="M25" s="83" t="s">
        <v>129</v>
      </c>
      <c r="N25" s="83" t="s">
        <v>130</v>
      </c>
      <c r="O25" s="83" t="s">
        <v>25</v>
      </c>
      <c r="P25" s="390" t="s">
        <v>131</v>
      </c>
      <c r="Q25" s="390"/>
      <c r="R25" s="391"/>
      <c r="S25" s="233" t="s">
        <v>35</v>
      </c>
      <c r="T25" s="234"/>
      <c r="U25" s="237" t="s">
        <v>36</v>
      </c>
      <c r="V25" s="238"/>
      <c r="W25" s="241"/>
      <c r="X25" s="241"/>
      <c r="Y25" s="238" t="s">
        <v>37</v>
      </c>
      <c r="Z25" s="238"/>
      <c r="AA25" s="241"/>
      <c r="AB25" s="241"/>
      <c r="AC25" s="238" t="s">
        <v>38</v>
      </c>
      <c r="AD25" s="238" t="s">
        <v>39</v>
      </c>
      <c r="AE25" s="238"/>
      <c r="AF25" s="238"/>
      <c r="AG25" s="241"/>
      <c r="AH25" s="241"/>
      <c r="AI25" s="304" t="s">
        <v>40</v>
      </c>
    </row>
    <row r="26" spans="2:56" ht="27.95" customHeight="1">
      <c r="B26" s="386"/>
      <c r="C26" s="387"/>
      <c r="D26" s="388"/>
      <c r="E26" s="388"/>
      <c r="F26" s="388"/>
      <c r="G26" s="388"/>
      <c r="H26" s="389"/>
      <c r="I26" s="38" t="s">
        <v>122</v>
      </c>
      <c r="J26" s="43" t="s">
        <v>122</v>
      </c>
      <c r="K26" s="43" t="s">
        <v>122</v>
      </c>
      <c r="L26" s="43" t="s">
        <v>122</v>
      </c>
      <c r="M26" s="43" t="s">
        <v>122</v>
      </c>
      <c r="N26" s="43" t="s">
        <v>122</v>
      </c>
      <c r="O26" s="43" t="s">
        <v>122</v>
      </c>
      <c r="P26" s="392" t="s">
        <v>122</v>
      </c>
      <c r="Q26" s="392"/>
      <c r="R26" s="393"/>
      <c r="S26" s="235"/>
      <c r="T26" s="236"/>
      <c r="U26" s="239"/>
      <c r="V26" s="240"/>
      <c r="W26" s="242"/>
      <c r="X26" s="242"/>
      <c r="Y26" s="240"/>
      <c r="Z26" s="240"/>
      <c r="AA26" s="242"/>
      <c r="AB26" s="242"/>
      <c r="AC26" s="240"/>
      <c r="AD26" s="240"/>
      <c r="AE26" s="240"/>
      <c r="AF26" s="240"/>
      <c r="AG26" s="242"/>
      <c r="AH26" s="242"/>
      <c r="AI26" s="305"/>
    </row>
    <row r="27" spans="2:56" ht="30" customHeight="1">
      <c r="B27" s="386"/>
      <c r="C27" s="387"/>
      <c r="D27" s="388"/>
      <c r="E27" s="388"/>
      <c r="F27" s="388"/>
      <c r="G27" s="388"/>
      <c r="H27" s="389"/>
      <c r="I27" s="325" t="s">
        <v>41</v>
      </c>
      <c r="J27" s="326"/>
      <c r="K27" s="326"/>
      <c r="L27" s="326"/>
      <c r="M27" s="326"/>
      <c r="N27" s="327"/>
      <c r="O27" s="328" t="s">
        <v>36</v>
      </c>
      <c r="P27" s="323"/>
      <c r="Q27" s="322"/>
      <c r="R27" s="348"/>
      <c r="S27" s="348"/>
      <c r="T27" s="84" t="s">
        <v>6</v>
      </c>
      <c r="U27" s="349" t="s">
        <v>42</v>
      </c>
      <c r="V27" s="326"/>
      <c r="W27" s="326"/>
      <c r="X27" s="326"/>
      <c r="Y27" s="326"/>
      <c r="Z27" s="327"/>
      <c r="AA27" s="328" t="s">
        <v>43</v>
      </c>
      <c r="AB27" s="323"/>
      <c r="AC27" s="322"/>
      <c r="AD27" s="322"/>
      <c r="AE27" s="322"/>
      <c r="AF27" s="85" t="s">
        <v>6</v>
      </c>
      <c r="AG27" s="350"/>
      <c r="AH27" s="350"/>
      <c r="AI27" s="351"/>
    </row>
    <row r="28" spans="2:56" ht="30" customHeight="1">
      <c r="B28" s="386"/>
      <c r="C28" s="387"/>
      <c r="D28" s="388"/>
      <c r="E28" s="388"/>
      <c r="F28" s="388"/>
      <c r="G28" s="388"/>
      <c r="H28" s="389"/>
      <c r="I28" s="312" t="s">
        <v>44</v>
      </c>
      <c r="J28" s="313"/>
      <c r="K28" s="314"/>
      <c r="L28" s="314"/>
      <c r="M28" s="86" t="s">
        <v>45</v>
      </c>
      <c r="N28" s="315"/>
      <c r="O28" s="315"/>
      <c r="P28" s="86" t="s">
        <v>38</v>
      </c>
      <c r="Q28" s="87"/>
      <c r="R28" s="88"/>
      <c r="S28" s="88" t="s">
        <v>28</v>
      </c>
      <c r="T28" s="316"/>
      <c r="U28" s="316"/>
      <c r="V28" s="88" t="s">
        <v>45</v>
      </c>
      <c r="W28" s="316"/>
      <c r="X28" s="316"/>
      <c r="Y28" s="88" t="s">
        <v>38</v>
      </c>
      <c r="Z28" s="89" t="s">
        <v>39</v>
      </c>
      <c r="AA28" s="89"/>
      <c r="AB28" s="89"/>
      <c r="AC28" s="316"/>
      <c r="AD28" s="316"/>
      <c r="AE28" s="89" t="s">
        <v>40</v>
      </c>
      <c r="AF28" s="317"/>
      <c r="AG28" s="317"/>
      <c r="AH28" s="317"/>
      <c r="AI28" s="318"/>
    </row>
    <row r="29" spans="2:56" ht="30" customHeight="1">
      <c r="B29" s="386"/>
      <c r="C29" s="387"/>
      <c r="D29" s="388"/>
      <c r="E29" s="388"/>
      <c r="F29" s="388"/>
      <c r="G29" s="388"/>
      <c r="H29" s="389"/>
      <c r="I29" s="319" t="s">
        <v>46</v>
      </c>
      <c r="J29" s="320"/>
      <c r="K29" s="321"/>
      <c r="L29" s="321"/>
      <c r="M29" s="90" t="s">
        <v>45</v>
      </c>
      <c r="N29" s="321"/>
      <c r="O29" s="321"/>
      <c r="P29" s="90" t="s">
        <v>38</v>
      </c>
      <c r="Q29" s="91"/>
      <c r="R29" s="86"/>
      <c r="S29" s="86" t="s">
        <v>28</v>
      </c>
      <c r="T29" s="315"/>
      <c r="U29" s="315"/>
      <c r="V29" s="86" t="s">
        <v>45</v>
      </c>
      <c r="W29" s="315"/>
      <c r="X29" s="315"/>
      <c r="Y29" s="86" t="s">
        <v>38</v>
      </c>
      <c r="Z29" s="47" t="s">
        <v>47</v>
      </c>
      <c r="AA29" s="47"/>
      <c r="AB29" s="47"/>
      <c r="AC29" s="322"/>
      <c r="AD29" s="322"/>
      <c r="AE29" s="47" t="s">
        <v>40</v>
      </c>
      <c r="AF29" s="323"/>
      <c r="AG29" s="323"/>
      <c r="AH29" s="323"/>
      <c r="AI29" s="324"/>
    </row>
    <row r="30" spans="2:56" ht="30" customHeight="1" thickBot="1">
      <c r="B30" s="386"/>
      <c r="C30" s="245"/>
      <c r="D30" s="246"/>
      <c r="E30" s="246"/>
      <c r="F30" s="246"/>
      <c r="G30" s="246"/>
      <c r="H30" s="247"/>
      <c r="I30" s="310" t="s">
        <v>48</v>
      </c>
      <c r="J30" s="311"/>
      <c r="K30" s="250"/>
      <c r="L30" s="250"/>
      <c r="M30" s="92" t="s">
        <v>45</v>
      </c>
      <c r="N30" s="250"/>
      <c r="O30" s="250"/>
      <c r="P30" s="92" t="s">
        <v>38</v>
      </c>
      <c r="Q30" s="93"/>
      <c r="R30" s="92"/>
      <c r="S30" s="92" t="s">
        <v>28</v>
      </c>
      <c r="T30" s="250"/>
      <c r="U30" s="250"/>
      <c r="V30" s="92" t="s">
        <v>45</v>
      </c>
      <c r="W30" s="250"/>
      <c r="X30" s="250"/>
      <c r="Y30" s="92" t="s">
        <v>38</v>
      </c>
      <c r="Z30" s="94" t="s">
        <v>47</v>
      </c>
      <c r="AA30" s="94"/>
      <c r="AB30" s="94"/>
      <c r="AC30" s="218"/>
      <c r="AD30" s="218"/>
      <c r="AE30" s="94" t="s">
        <v>40</v>
      </c>
      <c r="AF30" s="407"/>
      <c r="AG30" s="407"/>
      <c r="AH30" s="407"/>
      <c r="AI30" s="408"/>
    </row>
    <row r="31" spans="2:56" ht="35.1" customHeight="1">
      <c r="B31" s="386"/>
      <c r="C31" s="329" t="s">
        <v>49</v>
      </c>
      <c r="D31" s="330"/>
      <c r="E31" s="330"/>
      <c r="F31" s="330"/>
      <c r="G31" s="330"/>
      <c r="H31" s="331"/>
      <c r="I31" s="338" t="s">
        <v>50</v>
      </c>
      <c r="J31" s="339"/>
      <c r="K31" s="339"/>
      <c r="L31" s="339"/>
      <c r="M31" s="39" t="s">
        <v>122</v>
      </c>
      <c r="N31" s="71" t="s">
        <v>36</v>
      </c>
      <c r="O31" s="95"/>
      <c r="P31" s="40" t="s">
        <v>122</v>
      </c>
      <c r="Q31" s="71" t="s">
        <v>43</v>
      </c>
      <c r="R31" s="95"/>
      <c r="S31" s="340"/>
      <c r="T31" s="340"/>
      <c r="U31" s="339" t="s">
        <v>37</v>
      </c>
      <c r="V31" s="339"/>
      <c r="W31" s="340"/>
      <c r="X31" s="340"/>
      <c r="Y31" s="96" t="s">
        <v>38</v>
      </c>
      <c r="Z31" s="97" t="s">
        <v>51</v>
      </c>
      <c r="AA31" s="97"/>
      <c r="AB31" s="97"/>
      <c r="AC31" s="340"/>
      <c r="AD31" s="340"/>
      <c r="AE31" s="97" t="s">
        <v>40</v>
      </c>
      <c r="AF31" s="341"/>
      <c r="AG31" s="341"/>
      <c r="AH31" s="341"/>
      <c r="AI31" s="342"/>
    </row>
    <row r="32" spans="2:56" ht="30" customHeight="1">
      <c r="B32" s="386"/>
      <c r="C32" s="332"/>
      <c r="D32" s="333"/>
      <c r="E32" s="333"/>
      <c r="F32" s="333"/>
      <c r="G32" s="333"/>
      <c r="H32" s="334"/>
      <c r="I32" s="325" t="s">
        <v>52</v>
      </c>
      <c r="J32" s="326"/>
      <c r="K32" s="326"/>
      <c r="L32" s="326"/>
      <c r="M32" s="41" t="s">
        <v>122</v>
      </c>
      <c r="N32" s="98" t="s">
        <v>36</v>
      </c>
      <c r="O32" s="99"/>
      <c r="P32" s="42" t="s">
        <v>122</v>
      </c>
      <c r="Q32" s="98" t="s">
        <v>43</v>
      </c>
      <c r="R32" s="99"/>
      <c r="S32" s="343"/>
      <c r="T32" s="343"/>
      <c r="U32" s="326" t="s">
        <v>6</v>
      </c>
      <c r="V32" s="326"/>
      <c r="W32" s="326"/>
      <c r="X32" s="326"/>
      <c r="Y32" s="326"/>
      <c r="Z32" s="326"/>
      <c r="AA32" s="326"/>
      <c r="AB32" s="326"/>
      <c r="AC32" s="326"/>
      <c r="AD32" s="326"/>
      <c r="AE32" s="326"/>
      <c r="AF32" s="326"/>
      <c r="AG32" s="326"/>
      <c r="AH32" s="326"/>
      <c r="AI32" s="344"/>
    </row>
    <row r="33" spans="2:35" ht="30" customHeight="1" thickBot="1">
      <c r="B33" s="244"/>
      <c r="C33" s="335"/>
      <c r="D33" s="336"/>
      <c r="E33" s="336"/>
      <c r="F33" s="336"/>
      <c r="G33" s="336"/>
      <c r="H33" s="337"/>
      <c r="I33" s="345" t="s">
        <v>53</v>
      </c>
      <c r="J33" s="345"/>
      <c r="K33" s="345"/>
      <c r="L33" s="345"/>
      <c r="M33" s="346"/>
      <c r="N33" s="347"/>
      <c r="O33" s="100" t="s">
        <v>54</v>
      </c>
      <c r="P33" s="347"/>
      <c r="Q33" s="347"/>
      <c r="R33" s="100" t="s">
        <v>38</v>
      </c>
      <c r="S33" s="100" t="s">
        <v>28</v>
      </c>
      <c r="T33" s="347"/>
      <c r="U33" s="347"/>
      <c r="V33" s="100" t="s">
        <v>54</v>
      </c>
      <c r="W33" s="347"/>
      <c r="X33" s="347"/>
      <c r="Y33" s="100" t="s">
        <v>38</v>
      </c>
      <c r="Z33" s="101" t="s">
        <v>39</v>
      </c>
      <c r="AA33" s="101"/>
      <c r="AB33" s="101"/>
      <c r="AC33" s="309"/>
      <c r="AD33" s="309"/>
      <c r="AE33" s="101" t="s">
        <v>40</v>
      </c>
      <c r="AF33" s="101"/>
      <c r="AG33" s="101"/>
      <c r="AH33" s="101"/>
      <c r="AI33" s="102"/>
    </row>
    <row r="34" spans="2:35" ht="25.5" customHeight="1">
      <c r="B34" s="394">
        <v>7</v>
      </c>
      <c r="C34" s="396" t="s">
        <v>55</v>
      </c>
      <c r="D34" s="397"/>
      <c r="E34" s="397"/>
      <c r="F34" s="397"/>
      <c r="G34" s="397"/>
      <c r="H34" s="398"/>
      <c r="I34" s="226" t="s">
        <v>56</v>
      </c>
      <c r="J34" s="227"/>
      <c r="K34" s="228"/>
      <c r="L34" s="228"/>
      <c r="M34" s="129" t="s">
        <v>4</v>
      </c>
      <c r="N34" s="231"/>
      <c r="O34" s="231"/>
      <c r="P34" s="130" t="s">
        <v>5</v>
      </c>
      <c r="Q34" s="131"/>
      <c r="R34" s="226" t="s">
        <v>56</v>
      </c>
      <c r="S34" s="227"/>
      <c r="T34" s="409"/>
      <c r="U34" s="409"/>
      <c r="V34" s="129" t="s">
        <v>4</v>
      </c>
      <c r="W34" s="231"/>
      <c r="X34" s="231"/>
      <c r="Y34" s="130" t="s">
        <v>5</v>
      </c>
      <c r="Z34" s="132"/>
      <c r="AA34" s="409" t="s">
        <v>56</v>
      </c>
      <c r="AB34" s="227"/>
      <c r="AC34" s="409"/>
      <c r="AD34" s="409"/>
      <c r="AE34" s="129" t="s">
        <v>4</v>
      </c>
      <c r="AF34" s="231"/>
      <c r="AG34" s="231"/>
      <c r="AH34" s="130" t="s">
        <v>5</v>
      </c>
      <c r="AI34" s="132"/>
    </row>
    <row r="35" spans="2:35" ht="25.5" customHeight="1" thickBot="1">
      <c r="B35" s="395"/>
      <c r="C35" s="399"/>
      <c r="D35" s="400"/>
      <c r="E35" s="400"/>
      <c r="F35" s="400"/>
      <c r="G35" s="400"/>
      <c r="H35" s="401"/>
      <c r="I35" s="229"/>
      <c r="J35" s="230"/>
      <c r="K35" s="230" t="s">
        <v>57</v>
      </c>
      <c r="L35" s="403"/>
      <c r="M35" s="404"/>
      <c r="N35" s="405"/>
      <c r="O35" s="230" t="s">
        <v>58</v>
      </c>
      <c r="P35" s="230"/>
      <c r="Q35" s="406"/>
      <c r="R35" s="229"/>
      <c r="S35" s="230"/>
      <c r="T35" s="230" t="s">
        <v>57</v>
      </c>
      <c r="U35" s="403"/>
      <c r="V35" s="404"/>
      <c r="W35" s="405"/>
      <c r="X35" s="230" t="s">
        <v>58</v>
      </c>
      <c r="Y35" s="230"/>
      <c r="Z35" s="406"/>
      <c r="AA35" s="229"/>
      <c r="AB35" s="230"/>
      <c r="AC35" s="230" t="s">
        <v>57</v>
      </c>
      <c r="AD35" s="403"/>
      <c r="AE35" s="404"/>
      <c r="AF35" s="405"/>
      <c r="AG35" s="230" t="s">
        <v>58</v>
      </c>
      <c r="AH35" s="230"/>
      <c r="AI35" s="406"/>
    </row>
    <row r="36" spans="2:35" ht="27.95" customHeight="1">
      <c r="B36" s="243">
        <v>8</v>
      </c>
      <c r="C36" s="209" t="s">
        <v>59</v>
      </c>
      <c r="D36" s="210"/>
      <c r="E36" s="210"/>
      <c r="F36" s="210"/>
      <c r="G36" s="210"/>
      <c r="H36" s="211"/>
      <c r="I36" s="39" t="s">
        <v>122</v>
      </c>
      <c r="J36" s="71" t="s">
        <v>147</v>
      </c>
      <c r="K36" s="95"/>
      <c r="L36" s="40" t="s">
        <v>122</v>
      </c>
      <c r="M36" s="71" t="s">
        <v>146</v>
      </c>
      <c r="N36" s="95"/>
      <c r="O36" s="103"/>
      <c r="P36" s="71"/>
      <c r="Q36" s="103"/>
      <c r="R36" s="103"/>
      <c r="S36" s="103"/>
      <c r="T36" s="103"/>
      <c r="U36" s="103"/>
      <c r="V36" s="103"/>
      <c r="W36" s="103"/>
      <c r="X36" s="103"/>
      <c r="Y36" s="103"/>
      <c r="Z36" s="103"/>
      <c r="AA36" s="103"/>
      <c r="AB36" s="103"/>
      <c r="AC36" s="103"/>
      <c r="AD36" s="103"/>
      <c r="AE36" s="103"/>
      <c r="AF36" s="103"/>
      <c r="AG36" s="103"/>
      <c r="AH36" s="103"/>
      <c r="AI36" s="104"/>
    </row>
    <row r="37" spans="2:35" ht="30" customHeight="1" thickBot="1">
      <c r="B37" s="244"/>
      <c r="C37" s="245"/>
      <c r="D37" s="246"/>
      <c r="E37" s="246"/>
      <c r="F37" s="246"/>
      <c r="G37" s="246"/>
      <c r="H37" s="247"/>
      <c r="I37" s="248" t="s">
        <v>60</v>
      </c>
      <c r="J37" s="249"/>
      <c r="K37" s="250"/>
      <c r="L37" s="250"/>
      <c r="M37" s="92" t="s">
        <v>4</v>
      </c>
      <c r="N37" s="218"/>
      <c r="O37" s="218"/>
      <c r="P37" s="92" t="s">
        <v>5</v>
      </c>
      <c r="Q37" s="218"/>
      <c r="R37" s="218"/>
      <c r="S37" s="92" t="s">
        <v>6</v>
      </c>
      <c r="T37" s="105"/>
      <c r="U37" s="251" t="s">
        <v>61</v>
      </c>
      <c r="V37" s="251"/>
      <c r="W37" s="105"/>
      <c r="X37" s="250"/>
      <c r="Y37" s="250"/>
      <c r="Z37" s="92" t="s">
        <v>4</v>
      </c>
      <c r="AA37" s="218"/>
      <c r="AB37" s="218"/>
      <c r="AC37" s="92" t="s">
        <v>5</v>
      </c>
      <c r="AD37" s="218"/>
      <c r="AE37" s="218"/>
      <c r="AF37" s="92" t="s">
        <v>6</v>
      </c>
      <c r="AG37" s="251"/>
      <c r="AH37" s="251"/>
      <c r="AI37" s="402"/>
    </row>
    <row r="38" spans="2:35" ht="27.95" customHeight="1">
      <c r="B38" s="243">
        <v>9</v>
      </c>
      <c r="C38" s="209" t="s">
        <v>62</v>
      </c>
      <c r="D38" s="210"/>
      <c r="E38" s="210"/>
      <c r="F38" s="210"/>
      <c r="G38" s="210"/>
      <c r="H38" s="211"/>
      <c r="I38" s="39" t="s">
        <v>122</v>
      </c>
      <c r="J38" s="71" t="s">
        <v>147</v>
      </c>
      <c r="K38" s="95"/>
      <c r="L38" s="40" t="s">
        <v>122</v>
      </c>
      <c r="M38" s="71" t="s">
        <v>146</v>
      </c>
      <c r="N38" s="95"/>
      <c r="O38" s="40" t="s">
        <v>122</v>
      </c>
      <c r="P38" s="71" t="s">
        <v>145</v>
      </c>
      <c r="Q38" s="106"/>
      <c r="R38" s="107"/>
      <c r="S38" s="107"/>
      <c r="T38" s="107"/>
      <c r="U38" s="107"/>
      <c r="V38" s="107"/>
      <c r="W38" s="107"/>
      <c r="X38" s="107"/>
      <c r="Y38" s="107"/>
      <c r="Z38" s="107"/>
      <c r="AA38" s="107"/>
      <c r="AB38" s="107"/>
      <c r="AC38" s="107"/>
      <c r="AD38" s="107"/>
      <c r="AE38" s="107"/>
      <c r="AF38" s="107"/>
      <c r="AG38" s="107"/>
      <c r="AH38" s="107"/>
      <c r="AI38" s="108"/>
    </row>
    <row r="39" spans="2:35" ht="30" customHeight="1" thickBot="1">
      <c r="B39" s="279"/>
      <c r="C39" s="219"/>
      <c r="D39" s="220"/>
      <c r="E39" s="220"/>
      <c r="F39" s="220"/>
      <c r="G39" s="220"/>
      <c r="H39" s="221"/>
      <c r="I39" s="222" t="s">
        <v>60</v>
      </c>
      <c r="J39" s="223"/>
      <c r="K39" s="224"/>
      <c r="L39" s="225"/>
      <c r="M39" s="109" t="s">
        <v>4</v>
      </c>
      <c r="N39" s="12"/>
      <c r="O39" s="109" t="s">
        <v>5</v>
      </c>
      <c r="P39" s="12"/>
      <c r="Q39" s="109" t="s">
        <v>6</v>
      </c>
      <c r="R39" s="109" t="s">
        <v>28</v>
      </c>
      <c r="S39" s="225"/>
      <c r="T39" s="225"/>
      <c r="U39" s="109" t="s">
        <v>4</v>
      </c>
      <c r="V39" s="12"/>
      <c r="W39" s="109" t="s">
        <v>5</v>
      </c>
      <c r="X39" s="12"/>
      <c r="Y39" s="109" t="s">
        <v>6</v>
      </c>
      <c r="Z39" s="109"/>
      <c r="AA39" s="109"/>
      <c r="AB39" s="109"/>
      <c r="AC39" s="109"/>
      <c r="AD39" s="109"/>
      <c r="AE39" s="109"/>
      <c r="AF39" s="109"/>
      <c r="AG39" s="109"/>
      <c r="AH39" s="109"/>
      <c r="AI39" s="110"/>
    </row>
    <row r="40" spans="2:35" ht="30" customHeight="1">
      <c r="B40" s="374">
        <v>10</v>
      </c>
      <c r="C40" s="376" t="s">
        <v>157</v>
      </c>
      <c r="D40" s="377"/>
      <c r="E40" s="377"/>
      <c r="F40" s="377"/>
      <c r="G40" s="377"/>
      <c r="H40" s="378"/>
      <c r="I40" s="136" t="s">
        <v>122</v>
      </c>
      <c r="J40" s="137" t="s">
        <v>147</v>
      </c>
      <c r="K40" s="138"/>
      <c r="L40" s="139" t="s">
        <v>122</v>
      </c>
      <c r="M40" s="137" t="s">
        <v>146</v>
      </c>
      <c r="N40" s="138"/>
      <c r="O40" s="139" t="s">
        <v>122</v>
      </c>
      <c r="P40" s="137" t="s">
        <v>145</v>
      </c>
      <c r="Q40" s="140"/>
      <c r="R40" s="382" t="s">
        <v>63</v>
      </c>
      <c r="S40" s="383"/>
      <c r="T40" s="371"/>
      <c r="U40" s="372"/>
      <c r="V40" s="372"/>
      <c r="W40" s="372"/>
      <c r="X40" s="372"/>
      <c r="Y40" s="372"/>
      <c r="Z40" s="372"/>
      <c r="AA40" s="372"/>
      <c r="AB40" s="372"/>
      <c r="AC40" s="372"/>
      <c r="AD40" s="372"/>
      <c r="AE40" s="372"/>
      <c r="AF40" s="372"/>
      <c r="AG40" s="372"/>
      <c r="AH40" s="372"/>
      <c r="AI40" s="373"/>
    </row>
    <row r="41" spans="2:35" ht="30" customHeight="1" thickBot="1">
      <c r="B41" s="375"/>
      <c r="C41" s="379"/>
      <c r="D41" s="380"/>
      <c r="E41" s="380"/>
      <c r="F41" s="380"/>
      <c r="G41" s="380"/>
      <c r="H41" s="381"/>
      <c r="I41" s="384" t="s">
        <v>60</v>
      </c>
      <c r="J41" s="385"/>
      <c r="K41" s="225"/>
      <c r="L41" s="225"/>
      <c r="M41" s="141" t="s">
        <v>4</v>
      </c>
      <c r="N41" s="12"/>
      <c r="O41" s="141" t="s">
        <v>5</v>
      </c>
      <c r="P41" s="12"/>
      <c r="Q41" s="141" t="s">
        <v>6</v>
      </c>
      <c r="R41" s="141" t="s">
        <v>28</v>
      </c>
      <c r="S41" s="225"/>
      <c r="T41" s="225"/>
      <c r="U41" s="141" t="s">
        <v>4</v>
      </c>
      <c r="V41" s="12"/>
      <c r="W41" s="141" t="s">
        <v>5</v>
      </c>
      <c r="X41" s="12"/>
      <c r="Y41" s="141" t="s">
        <v>6</v>
      </c>
      <c r="Z41" s="141"/>
      <c r="AA41" s="141"/>
      <c r="AB41" s="141"/>
      <c r="AC41" s="141"/>
      <c r="AD41" s="141"/>
      <c r="AE41" s="141"/>
      <c r="AF41" s="141"/>
      <c r="AG41" s="141"/>
      <c r="AH41" s="141"/>
      <c r="AI41" s="142"/>
    </row>
    <row r="42" spans="2:35" ht="30" customHeight="1" thickBot="1">
      <c r="B42" s="198">
        <v>11</v>
      </c>
      <c r="C42" s="359" t="s">
        <v>64</v>
      </c>
      <c r="D42" s="360"/>
      <c r="E42" s="360"/>
      <c r="F42" s="360"/>
      <c r="G42" s="360"/>
      <c r="H42" s="361"/>
      <c r="I42" s="206" t="s">
        <v>122</v>
      </c>
      <c r="J42" s="200" t="s">
        <v>151</v>
      </c>
      <c r="K42" s="201"/>
      <c r="L42" s="199" t="s">
        <v>122</v>
      </c>
      <c r="M42" s="200" t="s">
        <v>152</v>
      </c>
      <c r="N42" s="202"/>
      <c r="O42" s="203"/>
      <c r="P42" s="362"/>
      <c r="Q42" s="362"/>
      <c r="R42" s="205" t="s">
        <v>4</v>
      </c>
      <c r="S42" s="362"/>
      <c r="T42" s="362"/>
      <c r="U42" s="205" t="s">
        <v>5</v>
      </c>
      <c r="V42" s="363"/>
      <c r="W42" s="363"/>
      <c r="X42" s="205" t="s">
        <v>6</v>
      </c>
      <c r="Y42" s="353"/>
      <c r="Z42" s="353"/>
      <c r="AA42" s="353"/>
      <c r="AB42" s="353"/>
      <c r="AC42" s="353"/>
      <c r="AD42" s="353"/>
      <c r="AE42" s="353"/>
      <c r="AF42" s="353"/>
      <c r="AG42" s="353"/>
      <c r="AH42" s="353"/>
      <c r="AI42" s="354"/>
    </row>
    <row r="43" spans="2:35" ht="30" customHeight="1">
      <c r="B43" s="243">
        <v>12</v>
      </c>
      <c r="C43" s="209" t="s">
        <v>65</v>
      </c>
      <c r="D43" s="210"/>
      <c r="E43" s="210"/>
      <c r="F43" s="210"/>
      <c r="G43" s="210"/>
      <c r="H43" s="211"/>
      <c r="I43" s="39" t="s">
        <v>122</v>
      </c>
      <c r="J43" s="71" t="s">
        <v>147</v>
      </c>
      <c r="K43" s="95"/>
      <c r="L43" s="40" t="s">
        <v>122</v>
      </c>
      <c r="M43" s="71" t="s">
        <v>146</v>
      </c>
      <c r="N43" s="106"/>
      <c r="O43" s="106"/>
      <c r="P43" s="106"/>
      <c r="Q43" s="111"/>
      <c r="R43" s="355" t="s">
        <v>60</v>
      </c>
      <c r="S43" s="356"/>
      <c r="T43" s="357"/>
      <c r="U43" s="358"/>
      <c r="V43" s="112" t="s">
        <v>4</v>
      </c>
      <c r="W43" s="3"/>
      <c r="X43" s="112" t="s">
        <v>5</v>
      </c>
      <c r="Y43" s="3"/>
      <c r="Z43" s="112" t="s">
        <v>6</v>
      </c>
      <c r="AA43" s="112" t="s">
        <v>28</v>
      </c>
      <c r="AB43" s="358"/>
      <c r="AC43" s="358"/>
      <c r="AD43" s="112" t="s">
        <v>4</v>
      </c>
      <c r="AE43" s="3"/>
      <c r="AF43" s="112" t="s">
        <v>5</v>
      </c>
      <c r="AG43" s="3"/>
      <c r="AH43" s="112" t="s">
        <v>6</v>
      </c>
      <c r="AI43" s="113"/>
    </row>
    <row r="44" spans="2:35" ht="30" customHeight="1" thickBot="1">
      <c r="B44" s="244"/>
      <c r="C44" s="245"/>
      <c r="D44" s="246"/>
      <c r="E44" s="246"/>
      <c r="F44" s="246"/>
      <c r="G44" s="246"/>
      <c r="H44" s="247"/>
      <c r="I44" s="345" t="s">
        <v>53</v>
      </c>
      <c r="J44" s="345"/>
      <c r="K44" s="345"/>
      <c r="L44" s="345"/>
      <c r="M44" s="346"/>
      <c r="N44" s="347"/>
      <c r="O44" s="100" t="s">
        <v>54</v>
      </c>
      <c r="P44" s="347"/>
      <c r="Q44" s="347"/>
      <c r="R44" s="100" t="s">
        <v>38</v>
      </c>
      <c r="S44" s="100" t="s">
        <v>28</v>
      </c>
      <c r="T44" s="347"/>
      <c r="U44" s="347"/>
      <c r="V44" s="100" t="s">
        <v>54</v>
      </c>
      <c r="W44" s="347"/>
      <c r="X44" s="347"/>
      <c r="Y44" s="100" t="s">
        <v>38</v>
      </c>
      <c r="Z44" s="101" t="s">
        <v>39</v>
      </c>
      <c r="AA44" s="101"/>
      <c r="AB44" s="101"/>
      <c r="AC44" s="309"/>
      <c r="AD44" s="309"/>
      <c r="AE44" s="101" t="s">
        <v>40</v>
      </c>
      <c r="AF44" s="101"/>
      <c r="AG44" s="101"/>
      <c r="AH44" s="101"/>
      <c r="AI44" s="102"/>
    </row>
    <row r="45" spans="2:35" ht="51.75" customHeight="1" thickBot="1">
      <c r="B45" s="114">
        <v>13</v>
      </c>
      <c r="C45" s="364" t="s">
        <v>66</v>
      </c>
      <c r="D45" s="365"/>
      <c r="E45" s="365"/>
      <c r="F45" s="365"/>
      <c r="G45" s="365"/>
      <c r="H45" s="365"/>
      <c r="I45" s="39" t="s">
        <v>122</v>
      </c>
      <c r="J45" s="71" t="s">
        <v>148</v>
      </c>
      <c r="K45" s="40" t="s">
        <v>122</v>
      </c>
      <c r="L45" s="71" t="s">
        <v>149</v>
      </c>
      <c r="M45" s="71"/>
      <c r="N45" s="40" t="s">
        <v>122</v>
      </c>
      <c r="O45" s="71" t="s">
        <v>150</v>
      </c>
      <c r="P45" s="71"/>
      <c r="Q45" s="115"/>
      <c r="R45" s="116"/>
      <c r="S45" s="116"/>
      <c r="T45" s="116"/>
      <c r="U45" s="116"/>
      <c r="V45" s="116"/>
      <c r="W45" s="116"/>
      <c r="X45" s="117"/>
      <c r="Y45" s="117"/>
      <c r="Z45" s="117"/>
      <c r="AA45" s="117"/>
      <c r="AB45" s="117"/>
      <c r="AC45" s="117"/>
      <c r="AD45" s="117"/>
      <c r="AE45" s="117"/>
      <c r="AF45" s="116"/>
      <c r="AG45" s="118"/>
      <c r="AH45" s="118"/>
      <c r="AI45" s="119"/>
    </row>
    <row r="46" spans="2:35" ht="35.1" customHeight="1" thickBot="1">
      <c r="B46" s="120">
        <v>14</v>
      </c>
      <c r="C46" s="366" t="s">
        <v>67</v>
      </c>
      <c r="D46" s="266"/>
      <c r="E46" s="266"/>
      <c r="F46" s="266"/>
      <c r="G46" s="266"/>
      <c r="H46" s="266"/>
      <c r="I46" s="367"/>
      <c r="J46" s="368"/>
      <c r="K46" s="368"/>
      <c r="L46" s="368"/>
      <c r="M46" s="368"/>
      <c r="N46" s="368"/>
      <c r="O46" s="368"/>
      <c r="P46" s="368"/>
      <c r="Q46" s="368"/>
      <c r="R46" s="368"/>
      <c r="S46" s="368"/>
      <c r="T46" s="368"/>
      <c r="U46" s="368"/>
      <c r="V46" s="368"/>
      <c r="W46" s="368"/>
      <c r="X46" s="368"/>
      <c r="Y46" s="368"/>
      <c r="Z46" s="368"/>
      <c r="AA46" s="368"/>
      <c r="AB46" s="368"/>
      <c r="AC46" s="368"/>
      <c r="AD46" s="368"/>
      <c r="AE46" s="368"/>
      <c r="AF46" s="368"/>
      <c r="AG46" s="368"/>
      <c r="AH46" s="368"/>
      <c r="AI46" s="369"/>
    </row>
    <row r="47" spans="2:35" ht="25.5" customHeight="1">
      <c r="B47" s="121"/>
      <c r="C47" s="122"/>
      <c r="D47" s="123"/>
      <c r="E47" s="123"/>
      <c r="F47" s="123"/>
      <c r="G47" s="123"/>
      <c r="H47" s="123"/>
      <c r="I47" s="124"/>
      <c r="J47" s="124"/>
      <c r="K47" s="124"/>
      <c r="L47" s="124"/>
      <c r="M47" s="124"/>
      <c r="N47" s="124"/>
      <c r="O47" s="124"/>
      <c r="P47" s="124"/>
      <c r="Q47" s="124"/>
      <c r="R47" s="124"/>
      <c r="S47" s="124"/>
      <c r="T47" s="124"/>
      <c r="U47" s="124"/>
      <c r="V47" s="124"/>
      <c r="W47" s="124"/>
      <c r="X47" s="124"/>
      <c r="Y47" s="124"/>
      <c r="Z47" s="124"/>
      <c r="AA47" s="124"/>
      <c r="AB47" s="124"/>
      <c r="AC47" s="125"/>
      <c r="AD47" s="126"/>
      <c r="AE47" s="126"/>
      <c r="AF47" s="126"/>
      <c r="AG47" s="126"/>
      <c r="AH47" s="126"/>
      <c r="AI47" s="127"/>
    </row>
    <row r="48" spans="2:35" ht="25.5" customHeight="1">
      <c r="B48" s="144" t="s">
        <v>68</v>
      </c>
      <c r="I48" s="145"/>
      <c r="J48" s="145"/>
      <c r="K48" s="145"/>
      <c r="L48" s="145"/>
      <c r="M48" s="145"/>
      <c r="N48" s="145"/>
      <c r="O48" s="145"/>
      <c r="P48" s="145"/>
      <c r="Q48" s="145"/>
      <c r="R48" s="145"/>
      <c r="S48" s="145"/>
      <c r="T48" s="145"/>
      <c r="U48" s="145"/>
      <c r="V48" s="145"/>
      <c r="W48" s="145"/>
      <c r="X48" s="145"/>
      <c r="Y48" s="145"/>
      <c r="Z48" s="145"/>
      <c r="AA48" s="145"/>
      <c r="AB48" s="145"/>
      <c r="AC48" s="145"/>
      <c r="AD48" s="145"/>
      <c r="AE48" s="145"/>
      <c r="AF48" s="145"/>
      <c r="AG48" s="145"/>
      <c r="AH48" s="145"/>
      <c r="AI48" s="146"/>
    </row>
    <row r="49" spans="2:37" s="128" customFormat="1" ht="25.5" customHeight="1">
      <c r="B49" s="135" t="s">
        <v>160</v>
      </c>
      <c r="I49" s="147"/>
      <c r="J49" s="147"/>
      <c r="K49" s="147"/>
      <c r="R49" s="159" t="s">
        <v>122</v>
      </c>
      <c r="S49" s="148" t="s">
        <v>153</v>
      </c>
      <c r="T49" s="147"/>
      <c r="U49" s="159" t="s">
        <v>122</v>
      </c>
      <c r="V49" s="148" t="s">
        <v>154</v>
      </c>
      <c r="Y49" s="149"/>
      <c r="Z49" s="149"/>
      <c r="AA49" s="147"/>
      <c r="AB49" s="147"/>
      <c r="AC49" s="147"/>
      <c r="AD49" s="147"/>
      <c r="AE49" s="147"/>
      <c r="AF49" s="147"/>
      <c r="AG49" s="147"/>
      <c r="AH49" s="147"/>
      <c r="AI49" s="150"/>
      <c r="AJ49" s="133"/>
      <c r="AK49" s="133"/>
    </row>
    <row r="50" spans="2:37" s="128" customFormat="1" ht="25.5" customHeight="1">
      <c r="B50" s="151" t="s">
        <v>161</v>
      </c>
      <c r="C50" s="152"/>
      <c r="D50" s="152"/>
      <c r="E50" s="152"/>
      <c r="F50" s="152"/>
      <c r="G50" s="152"/>
      <c r="H50" s="152"/>
      <c r="I50" s="152"/>
      <c r="J50" s="152"/>
      <c r="K50" s="152"/>
      <c r="L50" s="152"/>
      <c r="M50" s="152"/>
      <c r="N50" s="152"/>
      <c r="O50" s="152"/>
      <c r="P50" s="152"/>
      <c r="Q50" s="152"/>
      <c r="R50" s="152"/>
      <c r="S50" s="152"/>
      <c r="T50" s="152"/>
      <c r="U50" s="152"/>
      <c r="V50" s="152"/>
      <c r="W50" s="152"/>
      <c r="X50" s="152"/>
      <c r="AA50" s="153" t="s">
        <v>158</v>
      </c>
      <c r="AB50" s="370"/>
      <c r="AC50" s="370"/>
      <c r="AD50" s="154" t="s">
        <v>159</v>
      </c>
      <c r="AE50" s="148"/>
      <c r="AF50" s="147"/>
      <c r="AG50" s="147"/>
      <c r="AI50" s="143"/>
      <c r="AJ50" s="135"/>
      <c r="AK50" s="133"/>
    </row>
    <row r="51" spans="2:37" ht="25.5" customHeight="1" thickBot="1">
      <c r="B51" s="155"/>
      <c r="C51" s="156"/>
      <c r="D51" s="156"/>
      <c r="E51" s="156"/>
      <c r="F51" s="156"/>
      <c r="G51" s="156"/>
      <c r="H51" s="156"/>
      <c r="I51" s="157"/>
      <c r="J51" s="157"/>
      <c r="K51" s="157"/>
      <c r="L51" s="157"/>
      <c r="M51" s="157"/>
      <c r="N51" s="157"/>
      <c r="O51" s="157"/>
      <c r="P51" s="157"/>
      <c r="Q51" s="157"/>
      <c r="R51" s="157"/>
      <c r="S51" s="157"/>
      <c r="T51" s="157"/>
      <c r="U51" s="157"/>
      <c r="V51" s="157"/>
      <c r="W51" s="157"/>
      <c r="X51" s="157"/>
      <c r="Y51" s="157"/>
      <c r="Z51" s="157"/>
      <c r="AA51" s="157"/>
      <c r="AB51" s="157"/>
      <c r="AC51" s="157"/>
      <c r="AD51" s="157"/>
      <c r="AE51" s="157"/>
      <c r="AF51" s="157"/>
      <c r="AG51" s="157"/>
      <c r="AH51" s="157"/>
      <c r="AI51" s="158"/>
      <c r="AJ51" s="134"/>
      <c r="AK51" s="134"/>
    </row>
    <row r="52" spans="2:37">
      <c r="B52" s="352"/>
      <c r="C52" s="352"/>
      <c r="D52" s="352"/>
      <c r="E52" s="352"/>
      <c r="F52" s="352"/>
      <c r="G52" s="352"/>
      <c r="H52" s="352"/>
      <c r="I52" s="352"/>
      <c r="J52" s="352"/>
      <c r="K52" s="352"/>
      <c r="L52" s="352"/>
      <c r="M52" s="352"/>
      <c r="N52" s="352"/>
      <c r="O52" s="352"/>
      <c r="P52" s="352"/>
      <c r="Q52" s="352"/>
      <c r="R52" s="352"/>
      <c r="S52" s="352"/>
      <c r="T52" s="352"/>
      <c r="U52" s="352"/>
      <c r="V52" s="352"/>
      <c r="W52" s="352"/>
      <c r="X52" s="352"/>
      <c r="Y52" s="352"/>
      <c r="Z52" s="352"/>
      <c r="AA52" s="352"/>
      <c r="AB52" s="352"/>
      <c r="AC52" s="352"/>
      <c r="AD52" s="352"/>
      <c r="AE52" s="352"/>
      <c r="AF52" s="352"/>
      <c r="AG52" s="352"/>
      <c r="AH52" s="352"/>
      <c r="AI52" s="352"/>
    </row>
  </sheetData>
  <sheetProtection selectLockedCells="1"/>
  <mergeCells count="187">
    <mergeCell ref="AG35:AI35"/>
    <mergeCell ref="W30:X30"/>
    <mergeCell ref="AC30:AD30"/>
    <mergeCell ref="AF30:AI30"/>
    <mergeCell ref="R34:S34"/>
    <mergeCell ref="T34:U34"/>
    <mergeCell ref="W34:X34"/>
    <mergeCell ref="AA34:AB34"/>
    <mergeCell ref="AC34:AD34"/>
    <mergeCell ref="AC35:AD35"/>
    <mergeCell ref="AE35:AF35"/>
    <mergeCell ref="T40:AI40"/>
    <mergeCell ref="B40:B41"/>
    <mergeCell ref="C40:H41"/>
    <mergeCell ref="R40:S40"/>
    <mergeCell ref="I41:J41"/>
    <mergeCell ref="B25:B33"/>
    <mergeCell ref="C25:H30"/>
    <mergeCell ref="P25:R25"/>
    <mergeCell ref="P26:R26"/>
    <mergeCell ref="B34:B35"/>
    <mergeCell ref="C34:H35"/>
    <mergeCell ref="K41:L41"/>
    <mergeCell ref="S41:T41"/>
    <mergeCell ref="AG37:AI37"/>
    <mergeCell ref="B38:B39"/>
    <mergeCell ref="AF34:AG34"/>
    <mergeCell ref="I35:J35"/>
    <mergeCell ref="K35:L35"/>
    <mergeCell ref="M35:N35"/>
    <mergeCell ref="O35:Q35"/>
    <mergeCell ref="R35:S35"/>
    <mergeCell ref="T35:U35"/>
    <mergeCell ref="V35:W35"/>
    <mergeCell ref="X35:Z35"/>
    <mergeCell ref="B52:AI52"/>
    <mergeCell ref="Y42:AI42"/>
    <mergeCell ref="B43:B44"/>
    <mergeCell ref="C43:H44"/>
    <mergeCell ref="R43:S43"/>
    <mergeCell ref="T43:U43"/>
    <mergeCell ref="AB43:AC43"/>
    <mergeCell ref="I44:L44"/>
    <mergeCell ref="M44:N44"/>
    <mergeCell ref="P44:Q44"/>
    <mergeCell ref="C42:H42"/>
    <mergeCell ref="P42:Q42"/>
    <mergeCell ref="S42:T42"/>
    <mergeCell ref="V42:W42"/>
    <mergeCell ref="T44:U44"/>
    <mergeCell ref="W44:X44"/>
    <mergeCell ref="AC44:AD44"/>
    <mergeCell ref="C45:H45"/>
    <mergeCell ref="C46:H46"/>
    <mergeCell ref="I46:AI46"/>
    <mergeCell ref="AB50:AC50"/>
    <mergeCell ref="AF29:AI29"/>
    <mergeCell ref="I27:N27"/>
    <mergeCell ref="O27:P27"/>
    <mergeCell ref="C31:H33"/>
    <mergeCell ref="I31:L31"/>
    <mergeCell ref="S31:T31"/>
    <mergeCell ref="U31:V31"/>
    <mergeCell ref="W31:X31"/>
    <mergeCell ref="AC31:AD31"/>
    <mergeCell ref="AF31:AI31"/>
    <mergeCell ref="I32:L32"/>
    <mergeCell ref="S32:T32"/>
    <mergeCell ref="U32:V32"/>
    <mergeCell ref="W32:AI32"/>
    <mergeCell ref="I33:L33"/>
    <mergeCell ref="M33:N33"/>
    <mergeCell ref="P33:Q33"/>
    <mergeCell ref="T33:U33"/>
    <mergeCell ref="W33:X33"/>
    <mergeCell ref="Q27:S27"/>
    <mergeCell ref="U27:Z27"/>
    <mergeCell ref="AA27:AB27"/>
    <mergeCell ref="AC27:AE27"/>
    <mergeCell ref="AG27:AI27"/>
    <mergeCell ref="C13:H13"/>
    <mergeCell ref="I13:AI13"/>
    <mergeCell ref="Z17:AF17"/>
    <mergeCell ref="AI25:AI26"/>
    <mergeCell ref="B23:B24"/>
    <mergeCell ref="C23:H24"/>
    <mergeCell ref="AC33:AD33"/>
    <mergeCell ref="I30:J30"/>
    <mergeCell ref="K30:L30"/>
    <mergeCell ref="N30:O30"/>
    <mergeCell ref="T30:U30"/>
    <mergeCell ref="I28:J28"/>
    <mergeCell ref="K28:L28"/>
    <mergeCell ref="N28:O28"/>
    <mergeCell ref="T28:U28"/>
    <mergeCell ref="W28:X28"/>
    <mergeCell ref="AC28:AD28"/>
    <mergeCell ref="AF28:AI28"/>
    <mergeCell ref="I29:J29"/>
    <mergeCell ref="K29:L29"/>
    <mergeCell ref="N29:O29"/>
    <mergeCell ref="T29:U29"/>
    <mergeCell ref="W29:X29"/>
    <mergeCell ref="AC29:AD29"/>
    <mergeCell ref="AG7:AI7"/>
    <mergeCell ref="I22:L22"/>
    <mergeCell ref="M22:AI22"/>
    <mergeCell ref="B21:B22"/>
    <mergeCell ref="C18:H18"/>
    <mergeCell ref="I18:Z18"/>
    <mergeCell ref="C19:H19"/>
    <mergeCell ref="I19:Z19"/>
    <mergeCell ref="AA19:AB19"/>
    <mergeCell ref="B14:B17"/>
    <mergeCell ref="C14:H17"/>
    <mergeCell ref="B8:E8"/>
    <mergeCell ref="F8:O8"/>
    <mergeCell ref="V8:Y8"/>
    <mergeCell ref="Z8:AI8"/>
    <mergeCell ref="B9:E9"/>
    <mergeCell ref="F9:G9"/>
    <mergeCell ref="I9:K9"/>
    <mergeCell ref="M9:O9"/>
    <mergeCell ref="V9:Y9"/>
    <mergeCell ref="Z9:AA9"/>
    <mergeCell ref="AC9:AE9"/>
    <mergeCell ref="AG9:AI9"/>
    <mergeCell ref="V10:AI10"/>
    <mergeCell ref="AG3:AH3"/>
    <mergeCell ref="V4:Y4"/>
    <mergeCell ref="Z4:AI4"/>
    <mergeCell ref="V5:Y5"/>
    <mergeCell ref="Z5:AI5"/>
    <mergeCell ref="B1:AH1"/>
    <mergeCell ref="B2:I2"/>
    <mergeCell ref="K2:AI2"/>
    <mergeCell ref="B3:U5"/>
    <mergeCell ref="Y3:Z3"/>
    <mergeCell ref="AA3:AB3"/>
    <mergeCell ref="B36:B37"/>
    <mergeCell ref="C36:H37"/>
    <mergeCell ref="I37:J37"/>
    <mergeCell ref="K37:L37"/>
    <mergeCell ref="N37:O37"/>
    <mergeCell ref="Q37:R37"/>
    <mergeCell ref="U37:V37"/>
    <mergeCell ref="X37:Y37"/>
    <mergeCell ref="AD3:AE3"/>
    <mergeCell ref="C21:H22"/>
    <mergeCell ref="I21:L21"/>
    <mergeCell ref="M21:AI21"/>
    <mergeCell ref="B18:B19"/>
    <mergeCell ref="B6:O6"/>
    <mergeCell ref="V6:Y6"/>
    <mergeCell ref="Z6:AI6"/>
    <mergeCell ref="B7:D7"/>
    <mergeCell ref="E7:F7"/>
    <mergeCell ref="G7:H7"/>
    <mergeCell ref="J7:K7"/>
    <mergeCell ref="M7:N7"/>
    <mergeCell ref="V7:X7"/>
    <mergeCell ref="Z7:AA7"/>
    <mergeCell ref="AC7:AE7"/>
    <mergeCell ref="AC19:AD19"/>
    <mergeCell ref="C20:H20"/>
    <mergeCell ref="M20:S20"/>
    <mergeCell ref="T20:U20"/>
    <mergeCell ref="AB20:AC20"/>
    <mergeCell ref="AA37:AB37"/>
    <mergeCell ref="AD37:AE37"/>
    <mergeCell ref="C38:H39"/>
    <mergeCell ref="I39:J39"/>
    <mergeCell ref="K39:L39"/>
    <mergeCell ref="S39:T39"/>
    <mergeCell ref="I34:J34"/>
    <mergeCell ref="K34:L34"/>
    <mergeCell ref="AA35:AB35"/>
    <mergeCell ref="N34:O34"/>
    <mergeCell ref="AD24:AH24"/>
    <mergeCell ref="S25:T26"/>
    <mergeCell ref="U25:V26"/>
    <mergeCell ref="W25:X26"/>
    <mergeCell ref="Y25:Z26"/>
    <mergeCell ref="AA25:AB26"/>
    <mergeCell ref="AC25:AC26"/>
    <mergeCell ref="AD25:AF26"/>
    <mergeCell ref="AG25:AH26"/>
  </mergeCells>
  <phoneticPr fontId="2"/>
  <conditionalFormatting sqref="B50:AI50">
    <cfRule type="expression" dxfId="7" priority="10">
      <formula>$I$43="☑"</formula>
    </cfRule>
    <cfRule type="expression" dxfId="6" priority="6">
      <formula>$L$43="☑"</formula>
    </cfRule>
  </conditionalFormatting>
  <conditionalFormatting sqref="AB50:AC50">
    <cfRule type="expression" dxfId="5" priority="9">
      <formula>$I$43="☑"</formula>
    </cfRule>
    <cfRule type="expression" dxfId="4" priority="5">
      <formula>$L$43="☑"</formula>
    </cfRule>
  </conditionalFormatting>
  <conditionalFormatting sqref="B49:W49">
    <cfRule type="expression" dxfId="3" priority="4">
      <formula>$I$38="☑"</formula>
    </cfRule>
  </conditionalFormatting>
  <conditionalFormatting sqref="R49 U49">
    <cfRule type="expression" dxfId="2" priority="3">
      <formula>$I$38="☑"</formula>
    </cfRule>
    <cfRule type="expression" dxfId="1" priority="1">
      <formula>$L$38="☑"</formula>
    </cfRule>
  </conditionalFormatting>
  <conditionalFormatting sqref="B49:V49">
    <cfRule type="expression" dxfId="0" priority="2">
      <formula>$L$38="☑"</formula>
    </cfRule>
  </conditionalFormatting>
  <dataValidations count="6">
    <dataValidation type="list" allowBlank="1" showInputMessage="1" showErrorMessage="1" sqref="AA43:AA44 AB44 AA33:AB33">
      <formula1>"01,02,03,04,05,06,07,08,09,10,11,12,13,14,15,16,17,18,19,20,21,22,23,24,25,26,27,28,29,30,31"</formula1>
    </dataValidation>
    <dataValidation imeMode="halfAlpha" allowBlank="1" showInputMessage="1" showErrorMessage="1" sqref="R32 O32"/>
    <dataValidation type="whole" operator="lessThanOrEqual" allowBlank="1" showInputMessage="1" showErrorMessage="1" sqref="V35:W35 AE35:AF35 M35:N35">
      <formula1>744</formula1>
    </dataValidation>
    <dataValidation operator="greaterThanOrEqual" allowBlank="1" showInputMessage="1" showErrorMessage="1" sqref="Z7:AA7"/>
    <dataValidation imeMode="fullKatakana" allowBlank="1" showInputMessage="1" showErrorMessage="1" sqref="I18:Z18"/>
    <dataValidation imeMode="hiragana" allowBlank="1" showInputMessage="1" showErrorMessage="1" sqref="Z4:AI6 Z8:AI8 I19:Z19 M21:AI22 T40:AI40 I46:AI46"/>
  </dataValidations>
  <hyperlinks>
    <hyperlink ref="C14:H17" location="記入要綱!A1" display="業種"/>
  </hyperlinks>
  <printOptions horizontalCentered="1" verticalCentered="1"/>
  <pageMargins left="0.51181102362204722" right="0.51181102362204722" top="0.55118110236220474" bottom="0.55118110236220474" header="0.11811023622047245" footer="0.11811023622047245"/>
  <pageSetup paperSize="9" scale="51" orientation="portrait" r:id="rId1"/>
  <legacyDrawing r:id="rId2"/>
  <extLst>
    <ext xmlns:x14="http://schemas.microsoft.com/office/spreadsheetml/2009/9/main" uri="{CCE6A557-97BC-4b89-ADB6-D9C93CAAB3DF}">
      <x14:dataValidations xmlns:xm="http://schemas.microsoft.com/office/excel/2006/main" count="14">
        <x14:dataValidation type="list" allowBlank="1" showInputMessage="1" showErrorMessage="1">
          <x14:formula1>
            <xm:f>プルダウンリスト!$H$2:$H$32</xm:f>
          </x14:formula1>
          <xm:sqref>Y20 Q37:R37 X41 AH19 P41 Y43 X39 AG3:AH3 AG20 AD37:AE37 Q27:S27 R35 I35 V44 AA35 AG43 P39 V42:W42</xm:sqref>
        </x14:dataValidation>
        <x14:dataValidation type="list" allowBlank="1" showInputMessage="1" showErrorMessage="1">
          <x14:formula1>
            <xm:f>プルダウンリスト!$G$2:$G$13</xm:f>
          </x14:formula1>
          <xm:sqref>AA37:AB37 W20 AE20 N37:O37 N41 AF19 W34:X34 AF34:AG34 AD3:AE3 AE43 R33:S33 N34:O34 V39 N39 R44:S44 W43 V41 S42:T42</xm:sqref>
        </x14:dataValidation>
        <x14:dataValidation type="list" allowBlank="1" showInputMessage="1" showErrorMessage="1">
          <x14:formula1>
            <xm:f>プルダウンリスト!$C$2:$C$31</xm:f>
          </x14:formula1>
          <xm:sqref>AB20:AC20 O44</xm:sqref>
        </x14:dataValidation>
        <x14:dataValidation type="list" allowBlank="1" showInputMessage="1" showErrorMessage="1">
          <x14:formula1>
            <xm:f>プルダウンリスト!$K$2:$K$61</xm:f>
          </x14:formula1>
          <xm:sqref>N28:O30 P44:Q44 W44:X44 W33:X33 W28:X31 P33:Q33 AA25</xm:sqref>
        </x14:dataValidation>
        <x14:dataValidation type="list" allowBlank="1" showInputMessage="1" showErrorMessage="1">
          <x14:formula1>
            <xm:f>プルダウンリスト!$H$2:$H$8</xm:f>
          </x14:formula1>
          <xm:sqref>AC27:AE27</xm:sqref>
        </x14:dataValidation>
        <x14:dataValidation type="list" imeMode="halfAlpha" allowBlank="1" showInputMessage="1" showErrorMessage="1">
          <x14:formula1>
            <xm:f>プルダウンリスト!$H$2:$H$32</xm:f>
          </x14:formula1>
          <xm:sqref>S32:T32</xm:sqref>
        </x14:dataValidation>
        <x14:dataValidation type="list" allowBlank="1" showInputMessage="1" showErrorMessage="1">
          <x14:formula1>
            <xm:f>プルダウンリスト!$I$2:$I$25</xm:f>
          </x14:formula1>
          <xm:sqref>M44:N44 M33:N33 K28:L30 T28:U30</xm:sqref>
        </x14:dataValidation>
        <x14:dataValidation type="list" allowBlank="1" showInputMessage="1" showErrorMessage="1">
          <x14:formula1>
            <xm:f>プルダウンリスト!$F$2:$F$42</xm:f>
          </x14:formula1>
          <xm:sqref>T20:U20</xm:sqref>
        </x14:dataValidation>
        <x14:dataValidation type="list" allowBlank="1" showInputMessage="1" showErrorMessage="1">
          <x14:formula1>
            <xm:f>プルダウンリスト!$E$2:$E$102</xm:f>
          </x14:formula1>
          <xm:sqref>K34:L34 T34:U34 AC34:AD34</xm:sqref>
        </x14:dataValidation>
        <x14:dataValidation type="list" allowBlank="1" showInputMessage="1" showErrorMessage="1">
          <x14:formula1>
            <xm:f>プルダウンリスト!$F$2:$F$54</xm:f>
          </x14:formula1>
          <xm:sqref>K37:L37 X37:Y37 AB43:AC43 K39:L39 P42:Q42 T43:U43 S39:T39 K41:L41 S41:T41</xm:sqref>
        </x14:dataValidation>
        <x14:dataValidation type="list" allowBlank="1" showInputMessage="1" showErrorMessage="1">
          <x14:formula1>
            <xm:f>プルダウンリスト!$F$3:$F$5</xm:f>
          </x14:formula1>
          <xm:sqref>AA3:AB3</xm:sqref>
        </x14:dataValidation>
        <x14:dataValidation type="list" allowBlank="1" showInputMessage="1" showErrorMessage="1">
          <x14:formula1>
            <xm:f>プルダウンリスト!$E$2:$E$108</xm:f>
          </x14:formula1>
          <xm:sqref>AC19:AD19</xm:sqref>
        </x14:dataValidation>
        <x14:dataValidation type="list" allowBlank="1" showInputMessage="1" showErrorMessage="1">
          <x14:formula1>
            <xm:f>プルダウンリスト!$I$2:$I$31</xm:f>
          </x14:formula1>
          <xm:sqref>T44:U44 T33:U33</xm:sqref>
        </x14:dataValidation>
        <x14:dataValidation type="list" allowBlank="1" showInputMessage="1" showErrorMessage="1">
          <x14:formula1>
            <xm:f>プルダウンリスト!$M$2:$M$3</xm:f>
          </x14:formula1>
          <xm:sqref>I14:I17 M14:M15 Q14:Q16 W14:W17 Z14 AC14:AC15 AD16 S17 N17 I20 K20 I26:R26 I23:I24 L23:L24 Q23:Q24 T23 W23:W24 AB23 AG23 U24 AA24 M31:M32 P31:P32 O38 I38 L40 O40 I40 L38 L36 I36 L42:L43 I42:I43 K45 I45 N45 R49 U49</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B1:BG68"/>
  <sheetViews>
    <sheetView view="pageBreakPreview" topLeftCell="D1" zoomScale="54" zoomScaleNormal="80" zoomScaleSheetLayoutView="85" workbookViewId="0">
      <selection activeCell="I8" sqref="I8:AS8"/>
    </sheetView>
  </sheetViews>
  <sheetFormatPr defaultColWidth="9" defaultRowHeight="13.5"/>
  <cols>
    <col min="1" max="1" width="0" style="46" hidden="1" customWidth="1"/>
    <col min="2" max="2" width="4.5" style="46" customWidth="1"/>
    <col min="3" max="4" width="5.875" style="46" customWidth="1"/>
    <col min="5" max="5" width="5.125" style="46" customWidth="1"/>
    <col min="6" max="11" width="4.125" style="46" customWidth="1"/>
    <col min="12" max="37" width="5.125" style="46" customWidth="1"/>
    <col min="38" max="38" width="10.875" style="46" customWidth="1"/>
    <col min="39" max="39" width="5.25" style="46" customWidth="1"/>
    <col min="40" max="43" width="9" style="46"/>
    <col min="44" max="44" width="11.5" style="46" customWidth="1"/>
    <col min="45" max="45" width="20.875" style="46" customWidth="1"/>
    <col min="46" max="46" width="12.5" style="46" customWidth="1"/>
    <col min="47" max="16384" width="9" style="46"/>
  </cols>
  <sheetData>
    <row r="1" spans="2:45" ht="13.5" customHeight="1">
      <c r="B1" s="410" t="s">
        <v>162</v>
      </c>
      <c r="C1" s="411"/>
      <c r="D1" s="412"/>
      <c r="E1" s="172"/>
      <c r="F1" s="172"/>
      <c r="H1" s="419" t="s">
        <v>163</v>
      </c>
      <c r="I1" s="419"/>
      <c r="J1" s="419"/>
      <c r="K1" s="419"/>
      <c r="L1" s="419"/>
      <c r="M1" s="419"/>
      <c r="N1" s="419"/>
      <c r="O1" s="419"/>
      <c r="P1" s="419"/>
      <c r="Q1" s="419"/>
      <c r="R1" s="419"/>
      <c r="S1" s="419"/>
      <c r="T1" s="419"/>
      <c r="U1" s="419"/>
      <c r="V1" s="419"/>
      <c r="W1" s="419"/>
      <c r="X1" s="419"/>
      <c r="Y1" s="419"/>
      <c r="Z1" s="419"/>
      <c r="AA1" s="419"/>
      <c r="AB1" s="419"/>
      <c r="AC1" s="419"/>
      <c r="AD1" s="419"/>
      <c r="AE1" s="419"/>
      <c r="AF1" s="419"/>
      <c r="AG1" s="419"/>
      <c r="AH1" s="419"/>
      <c r="AI1" s="419"/>
      <c r="AJ1" s="419"/>
      <c r="AK1" s="419"/>
      <c r="AL1" s="419"/>
      <c r="AM1" s="419"/>
      <c r="AN1" s="419"/>
      <c r="AO1" s="419"/>
      <c r="AP1" s="419"/>
      <c r="AQ1" s="419"/>
      <c r="AR1" s="419"/>
    </row>
    <row r="2" spans="2:45" ht="13.5" customHeight="1">
      <c r="B2" s="413"/>
      <c r="C2" s="414"/>
      <c r="D2" s="415"/>
      <c r="E2" s="172"/>
      <c r="F2" s="172"/>
      <c r="H2" s="419"/>
      <c r="I2" s="419"/>
      <c r="J2" s="419"/>
      <c r="K2" s="419"/>
      <c r="L2" s="419"/>
      <c r="M2" s="419"/>
      <c r="N2" s="419"/>
      <c r="O2" s="419"/>
      <c r="P2" s="419"/>
      <c r="Q2" s="419"/>
      <c r="R2" s="419"/>
      <c r="S2" s="419"/>
      <c r="T2" s="419"/>
      <c r="U2" s="419"/>
      <c r="V2" s="419"/>
      <c r="W2" s="419"/>
      <c r="X2" s="419"/>
      <c r="Y2" s="419"/>
      <c r="Z2" s="419"/>
      <c r="AA2" s="419"/>
      <c r="AB2" s="419"/>
      <c r="AC2" s="419"/>
      <c r="AD2" s="419"/>
      <c r="AE2" s="419"/>
      <c r="AF2" s="419"/>
      <c r="AG2" s="419"/>
      <c r="AH2" s="419"/>
      <c r="AI2" s="419"/>
      <c r="AJ2" s="419"/>
      <c r="AK2" s="419"/>
      <c r="AL2" s="419"/>
      <c r="AM2" s="419"/>
      <c r="AN2" s="419"/>
      <c r="AO2" s="419"/>
      <c r="AP2" s="419"/>
      <c r="AQ2" s="419"/>
      <c r="AR2" s="419"/>
    </row>
    <row r="3" spans="2:45" ht="13.5" customHeight="1">
      <c r="B3" s="413"/>
      <c r="C3" s="414"/>
      <c r="D3" s="415"/>
      <c r="E3" s="172"/>
      <c r="F3" s="172"/>
      <c r="H3" s="419"/>
      <c r="I3" s="419"/>
      <c r="J3" s="419"/>
      <c r="K3" s="419"/>
      <c r="L3" s="419"/>
      <c r="M3" s="419"/>
      <c r="N3" s="419"/>
      <c r="O3" s="419"/>
      <c r="P3" s="419"/>
      <c r="Q3" s="419"/>
      <c r="R3" s="419"/>
      <c r="S3" s="419"/>
      <c r="T3" s="419"/>
      <c r="U3" s="419"/>
      <c r="V3" s="419"/>
      <c r="W3" s="419"/>
      <c r="X3" s="419"/>
      <c r="Y3" s="419"/>
      <c r="Z3" s="419"/>
      <c r="AA3" s="419"/>
      <c r="AB3" s="419"/>
      <c r="AC3" s="419"/>
      <c r="AD3" s="419"/>
      <c r="AE3" s="419"/>
      <c r="AF3" s="419"/>
      <c r="AG3" s="419"/>
      <c r="AH3" s="419"/>
      <c r="AI3" s="419"/>
      <c r="AJ3" s="419"/>
      <c r="AK3" s="419"/>
      <c r="AL3" s="419"/>
      <c r="AM3" s="419"/>
      <c r="AN3" s="419"/>
      <c r="AO3" s="419"/>
      <c r="AP3" s="419"/>
      <c r="AQ3" s="419"/>
      <c r="AR3" s="419"/>
    </row>
    <row r="4" spans="2:45" ht="14.25" customHeight="1" thickBot="1">
      <c r="B4" s="416"/>
      <c r="C4" s="417"/>
      <c r="D4" s="418"/>
      <c r="E4" s="172"/>
      <c r="F4" s="172"/>
      <c r="H4" s="419"/>
      <c r="I4" s="419"/>
      <c r="J4" s="419"/>
      <c r="K4" s="419"/>
      <c r="L4" s="419"/>
      <c r="M4" s="419"/>
      <c r="N4" s="419"/>
      <c r="O4" s="419"/>
      <c r="P4" s="419"/>
      <c r="Q4" s="419"/>
      <c r="R4" s="419"/>
      <c r="S4" s="419"/>
      <c r="T4" s="419"/>
      <c r="U4" s="419"/>
      <c r="V4" s="419"/>
      <c r="W4" s="419"/>
      <c r="X4" s="419"/>
      <c r="Y4" s="419"/>
      <c r="Z4" s="419"/>
      <c r="AA4" s="419"/>
      <c r="AB4" s="419"/>
      <c r="AC4" s="419"/>
      <c r="AD4" s="419"/>
      <c r="AE4" s="419"/>
      <c r="AF4" s="419"/>
      <c r="AG4" s="419"/>
      <c r="AH4" s="419"/>
      <c r="AI4" s="419"/>
      <c r="AJ4" s="419"/>
      <c r="AK4" s="419"/>
      <c r="AL4" s="419"/>
      <c r="AM4" s="419"/>
      <c r="AN4" s="419"/>
      <c r="AO4" s="419"/>
      <c r="AP4" s="419"/>
      <c r="AQ4" s="419"/>
      <c r="AR4" s="419"/>
    </row>
    <row r="5" spans="2:45" ht="21.75" customHeight="1">
      <c r="B5" s="173"/>
      <c r="C5" s="173"/>
      <c r="D5" s="173"/>
      <c r="E5" s="173"/>
      <c r="F5" s="173"/>
    </row>
    <row r="6" spans="2:45" ht="52.5" customHeight="1">
      <c r="B6" s="173"/>
      <c r="C6" s="420" t="s">
        <v>164</v>
      </c>
      <c r="D6" s="420"/>
      <c r="E6" s="420"/>
      <c r="F6" s="420"/>
      <c r="G6" s="420"/>
      <c r="H6" s="421"/>
      <c r="I6" s="422" t="s">
        <v>165</v>
      </c>
      <c r="J6" s="422"/>
      <c r="K6" s="422"/>
      <c r="L6" s="422"/>
      <c r="M6" s="422"/>
      <c r="N6" s="422"/>
      <c r="O6" s="422"/>
      <c r="P6" s="422"/>
      <c r="Q6" s="422"/>
      <c r="R6" s="422"/>
      <c r="S6" s="422"/>
      <c r="T6" s="422"/>
      <c r="U6" s="422"/>
      <c r="V6" s="422"/>
      <c r="W6" s="422"/>
      <c r="X6" s="422"/>
      <c r="Y6" s="422"/>
      <c r="Z6" s="422"/>
      <c r="AA6" s="422"/>
      <c r="AB6" s="422"/>
      <c r="AC6" s="422"/>
      <c r="AD6" s="422"/>
      <c r="AE6" s="422"/>
      <c r="AF6" s="422"/>
      <c r="AG6" s="422"/>
      <c r="AH6" s="422"/>
      <c r="AI6" s="422"/>
      <c r="AJ6" s="422"/>
      <c r="AK6" s="422"/>
      <c r="AL6" s="422"/>
      <c r="AM6" s="422"/>
      <c r="AN6" s="422"/>
      <c r="AO6" s="422"/>
      <c r="AP6" s="422"/>
      <c r="AQ6" s="422"/>
      <c r="AR6" s="422"/>
      <c r="AS6" s="422"/>
    </row>
    <row r="7" spans="2:45" ht="52.5" customHeight="1">
      <c r="B7" s="173"/>
      <c r="C7" s="420" t="s">
        <v>166</v>
      </c>
      <c r="D7" s="420"/>
      <c r="E7" s="420"/>
      <c r="F7" s="420"/>
      <c r="G7" s="420"/>
      <c r="H7" s="421"/>
      <c r="I7" s="422" t="s">
        <v>167</v>
      </c>
      <c r="J7" s="422"/>
      <c r="K7" s="422"/>
      <c r="L7" s="422"/>
      <c r="M7" s="422"/>
      <c r="N7" s="422"/>
      <c r="O7" s="422"/>
      <c r="P7" s="422"/>
      <c r="Q7" s="422"/>
      <c r="R7" s="422"/>
      <c r="S7" s="422"/>
      <c r="T7" s="422"/>
      <c r="U7" s="422"/>
      <c r="V7" s="422"/>
      <c r="W7" s="422"/>
      <c r="X7" s="422"/>
      <c r="Y7" s="422"/>
      <c r="Z7" s="422"/>
      <c r="AA7" s="422"/>
      <c r="AB7" s="422"/>
      <c r="AC7" s="422"/>
      <c r="AD7" s="422"/>
      <c r="AE7" s="422"/>
      <c r="AF7" s="422"/>
      <c r="AG7" s="422"/>
      <c r="AH7" s="422"/>
      <c r="AI7" s="422"/>
      <c r="AJ7" s="422"/>
      <c r="AK7" s="422"/>
      <c r="AL7" s="422"/>
      <c r="AM7" s="422"/>
      <c r="AN7" s="422"/>
      <c r="AO7" s="422"/>
      <c r="AP7" s="422"/>
      <c r="AQ7" s="422"/>
      <c r="AR7" s="422"/>
      <c r="AS7" s="422"/>
    </row>
    <row r="8" spans="2:45" ht="52.5" customHeight="1">
      <c r="B8" s="173"/>
      <c r="C8" s="420" t="s">
        <v>168</v>
      </c>
      <c r="D8" s="420"/>
      <c r="E8" s="420"/>
      <c r="F8" s="420"/>
      <c r="G8" s="420"/>
      <c r="H8" s="421"/>
      <c r="I8" s="426" t="s">
        <v>169</v>
      </c>
      <c r="J8" s="422"/>
      <c r="K8" s="422"/>
      <c r="L8" s="422"/>
      <c r="M8" s="422"/>
      <c r="N8" s="422"/>
      <c r="O8" s="422"/>
      <c r="P8" s="422"/>
      <c r="Q8" s="422"/>
      <c r="R8" s="422"/>
      <c r="S8" s="422"/>
      <c r="T8" s="422"/>
      <c r="U8" s="422"/>
      <c r="V8" s="422"/>
      <c r="W8" s="422"/>
      <c r="X8" s="422"/>
      <c r="Y8" s="422"/>
      <c r="Z8" s="422"/>
      <c r="AA8" s="422"/>
      <c r="AB8" s="422"/>
      <c r="AC8" s="422"/>
      <c r="AD8" s="422"/>
      <c r="AE8" s="422"/>
      <c r="AF8" s="422"/>
      <c r="AG8" s="422"/>
      <c r="AH8" s="422"/>
      <c r="AI8" s="422"/>
      <c r="AJ8" s="422"/>
      <c r="AK8" s="422"/>
      <c r="AL8" s="422"/>
      <c r="AM8" s="422"/>
      <c r="AN8" s="422"/>
      <c r="AO8" s="422"/>
      <c r="AP8" s="422"/>
      <c r="AQ8" s="422"/>
      <c r="AR8" s="422"/>
      <c r="AS8" s="422"/>
    </row>
    <row r="9" spans="2:45" ht="52.5" customHeight="1">
      <c r="B9" s="173"/>
      <c r="C9" s="420" t="s">
        <v>94</v>
      </c>
      <c r="D9" s="420"/>
      <c r="E9" s="420"/>
      <c r="F9" s="420"/>
      <c r="G9" s="420"/>
      <c r="H9" s="421"/>
      <c r="I9" s="422" t="s">
        <v>170</v>
      </c>
      <c r="J9" s="422"/>
      <c r="K9" s="422"/>
      <c r="L9" s="422"/>
      <c r="M9" s="422"/>
      <c r="N9" s="422"/>
      <c r="O9" s="422"/>
      <c r="P9" s="422"/>
      <c r="Q9" s="422"/>
      <c r="R9" s="422"/>
      <c r="S9" s="422"/>
      <c r="T9" s="422"/>
      <c r="U9" s="422"/>
      <c r="V9" s="422"/>
      <c r="W9" s="422"/>
      <c r="X9" s="422"/>
      <c r="Y9" s="422"/>
      <c r="Z9" s="422"/>
      <c r="AA9" s="422"/>
      <c r="AB9" s="422"/>
      <c r="AC9" s="422"/>
      <c r="AD9" s="422"/>
      <c r="AE9" s="422"/>
      <c r="AF9" s="422"/>
      <c r="AG9" s="422"/>
      <c r="AH9" s="422"/>
      <c r="AI9" s="422"/>
      <c r="AJ9" s="422"/>
      <c r="AK9" s="422"/>
      <c r="AL9" s="422"/>
      <c r="AM9" s="422"/>
      <c r="AN9" s="422"/>
      <c r="AO9" s="422"/>
      <c r="AP9" s="422"/>
      <c r="AQ9" s="422"/>
      <c r="AR9" s="422"/>
      <c r="AS9" s="422"/>
    </row>
    <row r="10" spans="2:45" ht="52.5" customHeight="1">
      <c r="C10" s="420" t="s">
        <v>171</v>
      </c>
      <c r="D10" s="420"/>
      <c r="E10" s="420"/>
      <c r="F10" s="420"/>
      <c r="G10" s="420"/>
      <c r="H10" s="421"/>
      <c r="I10" s="422" t="s">
        <v>172</v>
      </c>
      <c r="J10" s="422"/>
      <c r="K10" s="422"/>
      <c r="L10" s="422"/>
      <c r="M10" s="422"/>
      <c r="N10" s="422"/>
      <c r="O10" s="422"/>
      <c r="P10" s="422"/>
      <c r="Q10" s="422"/>
      <c r="R10" s="422"/>
      <c r="S10" s="422"/>
      <c r="T10" s="422"/>
      <c r="U10" s="422"/>
      <c r="V10" s="422"/>
      <c r="W10" s="422"/>
      <c r="X10" s="422"/>
      <c r="Y10" s="422"/>
      <c r="Z10" s="422"/>
      <c r="AA10" s="422"/>
      <c r="AB10" s="422"/>
      <c r="AC10" s="422"/>
      <c r="AD10" s="422"/>
      <c r="AE10" s="422"/>
      <c r="AF10" s="422"/>
      <c r="AG10" s="422"/>
      <c r="AH10" s="422"/>
      <c r="AI10" s="422"/>
      <c r="AJ10" s="422"/>
      <c r="AK10" s="422"/>
      <c r="AL10" s="422"/>
      <c r="AM10" s="422"/>
      <c r="AN10" s="422"/>
      <c r="AO10" s="422"/>
      <c r="AP10" s="422"/>
      <c r="AQ10" s="422"/>
      <c r="AR10" s="422"/>
      <c r="AS10" s="422"/>
    </row>
    <row r="11" spans="2:45" ht="52.5" customHeight="1">
      <c r="C11" s="420" t="s">
        <v>98</v>
      </c>
      <c r="D11" s="420"/>
      <c r="E11" s="420"/>
      <c r="F11" s="420"/>
      <c r="G11" s="420"/>
      <c r="H11" s="421"/>
      <c r="I11" s="422" t="s">
        <v>173</v>
      </c>
      <c r="J11" s="422"/>
      <c r="K11" s="422"/>
      <c r="L11" s="422"/>
      <c r="M11" s="422"/>
      <c r="N11" s="422"/>
      <c r="O11" s="422"/>
      <c r="P11" s="422"/>
      <c r="Q11" s="422"/>
      <c r="R11" s="422"/>
      <c r="S11" s="422"/>
      <c r="T11" s="422"/>
      <c r="U11" s="422"/>
      <c r="V11" s="422"/>
      <c r="W11" s="422"/>
      <c r="X11" s="422"/>
      <c r="Y11" s="422"/>
      <c r="Z11" s="422"/>
      <c r="AA11" s="422"/>
      <c r="AB11" s="422"/>
      <c r="AC11" s="422"/>
      <c r="AD11" s="422"/>
      <c r="AE11" s="422"/>
      <c r="AF11" s="422"/>
      <c r="AG11" s="422"/>
      <c r="AH11" s="422"/>
      <c r="AI11" s="422"/>
      <c r="AJ11" s="422"/>
      <c r="AK11" s="422"/>
      <c r="AL11" s="422"/>
      <c r="AM11" s="422"/>
      <c r="AN11" s="422"/>
      <c r="AO11" s="422"/>
      <c r="AP11" s="422"/>
      <c r="AQ11" s="422"/>
      <c r="AR11" s="422"/>
      <c r="AS11" s="422"/>
    </row>
    <row r="12" spans="2:45" ht="52.5" customHeight="1">
      <c r="C12" s="423" t="s">
        <v>174</v>
      </c>
      <c r="D12" s="423"/>
      <c r="E12" s="423"/>
      <c r="F12" s="423"/>
      <c r="G12" s="423"/>
      <c r="H12" s="423"/>
      <c r="I12" s="422" t="s">
        <v>175</v>
      </c>
      <c r="J12" s="422"/>
      <c r="K12" s="422"/>
      <c r="L12" s="422"/>
      <c r="M12" s="422"/>
      <c r="N12" s="422"/>
      <c r="O12" s="422"/>
      <c r="P12" s="422"/>
      <c r="Q12" s="422"/>
      <c r="R12" s="422"/>
      <c r="S12" s="422"/>
      <c r="T12" s="422"/>
      <c r="U12" s="422"/>
      <c r="V12" s="422"/>
      <c r="W12" s="422"/>
      <c r="X12" s="422"/>
      <c r="Y12" s="422"/>
      <c r="Z12" s="422"/>
      <c r="AA12" s="422"/>
      <c r="AB12" s="422"/>
      <c r="AC12" s="422"/>
      <c r="AD12" s="422"/>
      <c r="AE12" s="422"/>
      <c r="AF12" s="422"/>
      <c r="AG12" s="422"/>
      <c r="AH12" s="422"/>
      <c r="AI12" s="422"/>
      <c r="AJ12" s="422"/>
      <c r="AK12" s="422"/>
      <c r="AL12" s="422"/>
      <c r="AM12" s="422"/>
      <c r="AN12" s="422"/>
      <c r="AO12" s="422"/>
      <c r="AP12" s="422"/>
      <c r="AQ12" s="422"/>
      <c r="AR12" s="422"/>
      <c r="AS12" s="422"/>
    </row>
    <row r="13" spans="2:45" ht="52.5" customHeight="1">
      <c r="C13" s="423"/>
      <c r="D13" s="423"/>
      <c r="E13" s="423"/>
      <c r="F13" s="423"/>
      <c r="G13" s="423"/>
      <c r="H13" s="423"/>
      <c r="I13" s="424" t="s">
        <v>176</v>
      </c>
      <c r="J13" s="424"/>
      <c r="K13" s="424"/>
      <c r="L13" s="424"/>
      <c r="M13" s="424"/>
      <c r="N13" s="424"/>
      <c r="O13" s="424"/>
      <c r="P13" s="424"/>
      <c r="Q13" s="424"/>
      <c r="R13" s="424"/>
      <c r="S13" s="424"/>
      <c r="T13" s="424"/>
      <c r="U13" s="424"/>
      <c r="V13" s="424"/>
      <c r="W13" s="424"/>
      <c r="X13" s="424"/>
      <c r="Y13" s="424"/>
      <c r="Z13" s="424"/>
      <c r="AA13" s="424"/>
      <c r="AB13" s="424"/>
      <c r="AC13" s="424"/>
      <c r="AD13" s="424"/>
      <c r="AE13" s="424"/>
      <c r="AF13" s="424"/>
      <c r="AG13" s="424"/>
      <c r="AH13" s="424"/>
      <c r="AI13" s="424"/>
      <c r="AJ13" s="424"/>
      <c r="AK13" s="424"/>
      <c r="AL13" s="424"/>
      <c r="AM13" s="424"/>
      <c r="AN13" s="424"/>
      <c r="AO13" s="424"/>
      <c r="AP13" s="424"/>
      <c r="AQ13" s="424"/>
      <c r="AR13" s="424"/>
      <c r="AS13" s="424"/>
    </row>
    <row r="15" spans="2:45">
      <c r="D15" s="174"/>
      <c r="E15" s="175"/>
      <c r="F15" s="175"/>
      <c r="G15" s="175"/>
      <c r="H15" s="175"/>
      <c r="I15" s="175"/>
      <c r="J15" s="175"/>
      <c r="K15" s="175"/>
      <c r="L15" s="175"/>
      <c r="M15" s="175"/>
      <c r="N15" s="175"/>
      <c r="O15" s="175"/>
      <c r="P15" s="175"/>
      <c r="Q15" s="175"/>
      <c r="R15" s="175"/>
      <c r="S15" s="175"/>
      <c r="T15" s="175"/>
      <c r="U15" s="175"/>
      <c r="V15" s="175"/>
      <c r="W15" s="175"/>
      <c r="X15" s="175"/>
      <c r="Y15" s="175"/>
      <c r="Z15" s="175"/>
      <c r="AA15" s="175"/>
      <c r="AB15" s="175"/>
      <c r="AC15" s="175"/>
      <c r="AD15" s="175"/>
      <c r="AE15" s="175"/>
      <c r="AF15" s="175"/>
      <c r="AG15" s="175"/>
      <c r="AH15" s="175"/>
      <c r="AI15" s="175"/>
      <c r="AJ15" s="175"/>
      <c r="AK15" s="175"/>
      <c r="AL15" s="175"/>
      <c r="AM15" s="176"/>
    </row>
    <row r="16" spans="2:45" ht="25.5" customHeight="1">
      <c r="D16" s="177"/>
      <c r="E16" s="425" t="s">
        <v>177</v>
      </c>
      <c r="F16" s="425"/>
      <c r="G16" s="425"/>
      <c r="H16" s="425"/>
      <c r="I16" s="425"/>
      <c r="J16" s="425"/>
      <c r="K16" s="425"/>
      <c r="L16" s="425"/>
      <c r="M16" s="425"/>
      <c r="N16" s="425"/>
      <c r="O16" s="425"/>
      <c r="P16" s="425"/>
      <c r="Q16" s="425"/>
      <c r="R16" s="425"/>
      <c r="S16" s="425"/>
      <c r="T16" s="425"/>
      <c r="U16" s="425"/>
      <c r="V16" s="425"/>
      <c r="W16" s="425"/>
      <c r="X16" s="425"/>
      <c r="Y16" s="425"/>
      <c r="Z16" s="425"/>
      <c r="AA16" s="425"/>
      <c r="AB16" s="425"/>
      <c r="AC16" s="425"/>
      <c r="AD16" s="425"/>
      <c r="AE16" s="425"/>
      <c r="AF16" s="425"/>
      <c r="AG16" s="425"/>
      <c r="AH16" s="425"/>
      <c r="AI16" s="425"/>
      <c r="AJ16" s="425"/>
      <c r="AK16" s="425"/>
      <c r="AL16" s="178"/>
      <c r="AM16" s="179"/>
    </row>
    <row r="17" spans="4:39" ht="25.5" customHeight="1">
      <c r="D17" s="177"/>
      <c r="E17" s="274" t="s">
        <v>155</v>
      </c>
      <c r="F17" s="274"/>
      <c r="G17" s="274"/>
      <c r="H17" s="274"/>
      <c r="I17" s="274"/>
      <c r="J17" s="274"/>
      <c r="K17" s="274"/>
      <c r="L17" s="274"/>
      <c r="M17" s="47" t="s">
        <v>1</v>
      </c>
      <c r="N17" s="427"/>
      <c r="O17" s="427"/>
      <c r="P17" s="427"/>
      <c r="Q17" s="427"/>
      <c r="R17" s="427"/>
      <c r="S17" s="427"/>
      <c r="T17" s="427"/>
      <c r="U17" s="427"/>
      <c r="V17" s="427"/>
      <c r="W17" s="427"/>
      <c r="X17" s="427"/>
      <c r="Y17" s="427"/>
      <c r="Z17" s="427"/>
      <c r="AA17" s="427"/>
      <c r="AB17" s="427"/>
      <c r="AC17" s="427"/>
      <c r="AD17" s="427"/>
      <c r="AE17" s="427"/>
      <c r="AF17" s="427"/>
      <c r="AG17" s="427"/>
      <c r="AH17" s="427"/>
      <c r="AI17" s="427"/>
      <c r="AJ17" s="427"/>
      <c r="AK17" s="427"/>
      <c r="AL17" s="427"/>
      <c r="AM17" s="179"/>
    </row>
    <row r="18" spans="4:39" ht="30" customHeight="1">
      <c r="D18" s="177"/>
      <c r="E18" s="276"/>
      <c r="F18" s="276"/>
      <c r="G18" s="276"/>
      <c r="H18" s="276"/>
      <c r="I18" s="276"/>
      <c r="J18" s="276"/>
      <c r="K18" s="276"/>
      <c r="L18" s="276"/>
      <c r="M18" s="276"/>
      <c r="N18" s="276"/>
      <c r="O18" s="276"/>
      <c r="P18" s="276"/>
      <c r="Q18" s="276"/>
      <c r="R18" s="276"/>
      <c r="S18" s="276"/>
      <c r="T18" s="276"/>
      <c r="U18" s="276"/>
      <c r="V18" s="276"/>
      <c r="W18" s="276"/>
      <c r="X18" s="276"/>
      <c r="Y18" s="48" t="s">
        <v>2</v>
      </c>
      <c r="Z18" s="48"/>
      <c r="AA18" s="48"/>
      <c r="AB18" s="277" t="s">
        <v>3</v>
      </c>
      <c r="AC18" s="278"/>
      <c r="AD18" s="252">
        <v>2023</v>
      </c>
      <c r="AE18" s="252"/>
      <c r="AF18" s="49" t="s">
        <v>4</v>
      </c>
      <c r="AG18" s="252">
        <v>11</v>
      </c>
      <c r="AH18" s="252"/>
      <c r="AI18" s="49" t="s">
        <v>5</v>
      </c>
      <c r="AJ18" s="252">
        <v>1</v>
      </c>
      <c r="AK18" s="252"/>
      <c r="AL18" s="49" t="s">
        <v>6</v>
      </c>
      <c r="AM18" s="179"/>
    </row>
    <row r="19" spans="4:39" ht="30" customHeight="1">
      <c r="D19" s="177"/>
      <c r="E19" s="276"/>
      <c r="F19" s="276"/>
      <c r="G19" s="276"/>
      <c r="H19" s="276"/>
      <c r="I19" s="276"/>
      <c r="J19" s="276"/>
      <c r="K19" s="276"/>
      <c r="L19" s="276"/>
      <c r="M19" s="276"/>
      <c r="N19" s="276"/>
      <c r="O19" s="276"/>
      <c r="P19" s="276"/>
      <c r="Q19" s="276"/>
      <c r="R19" s="276"/>
      <c r="S19" s="276"/>
      <c r="T19" s="276"/>
      <c r="U19" s="276"/>
      <c r="V19" s="276"/>
      <c r="W19" s="276"/>
      <c r="X19" s="276"/>
      <c r="Y19" s="268" t="s">
        <v>7</v>
      </c>
      <c r="Z19" s="268"/>
      <c r="AA19" s="268"/>
      <c r="AB19" s="268"/>
      <c r="AC19" s="269" t="s">
        <v>178</v>
      </c>
      <c r="AD19" s="269"/>
      <c r="AE19" s="269"/>
      <c r="AF19" s="269"/>
      <c r="AG19" s="269"/>
      <c r="AH19" s="269"/>
      <c r="AI19" s="269"/>
      <c r="AJ19" s="269"/>
      <c r="AK19" s="269"/>
      <c r="AL19" s="269"/>
      <c r="AM19" s="179"/>
    </row>
    <row r="20" spans="4:39" ht="30" customHeight="1">
      <c r="D20" s="177"/>
      <c r="E20" s="276"/>
      <c r="F20" s="276"/>
      <c r="G20" s="276"/>
      <c r="H20" s="276"/>
      <c r="I20" s="276"/>
      <c r="J20" s="276"/>
      <c r="K20" s="276"/>
      <c r="L20" s="276"/>
      <c r="M20" s="276"/>
      <c r="N20" s="276"/>
      <c r="O20" s="276"/>
      <c r="P20" s="276"/>
      <c r="Q20" s="276"/>
      <c r="R20" s="276"/>
      <c r="S20" s="276"/>
      <c r="T20" s="276"/>
      <c r="U20" s="276"/>
      <c r="V20" s="276"/>
      <c r="W20" s="276"/>
      <c r="X20" s="276"/>
      <c r="Y20" s="268" t="s">
        <v>8</v>
      </c>
      <c r="Z20" s="268"/>
      <c r="AA20" s="268"/>
      <c r="AB20" s="268"/>
      <c r="AC20" s="269" t="s">
        <v>179</v>
      </c>
      <c r="AD20" s="269"/>
      <c r="AE20" s="269"/>
      <c r="AF20" s="269"/>
      <c r="AG20" s="269"/>
      <c r="AH20" s="269"/>
      <c r="AI20" s="269"/>
      <c r="AJ20" s="269"/>
      <c r="AK20" s="269"/>
      <c r="AL20" s="269"/>
      <c r="AM20" s="179"/>
    </row>
    <row r="21" spans="4:39" ht="30" customHeight="1">
      <c r="D21" s="177"/>
      <c r="E21" s="429"/>
      <c r="F21" s="429"/>
      <c r="G21" s="429"/>
      <c r="H21" s="429"/>
      <c r="I21" s="429"/>
      <c r="J21" s="429"/>
      <c r="K21" s="429"/>
      <c r="L21" s="429"/>
      <c r="M21" s="429"/>
      <c r="N21" s="429"/>
      <c r="O21" s="429"/>
      <c r="P21" s="429"/>
      <c r="Q21" s="429"/>
      <c r="R21" s="429"/>
      <c r="S21" s="180"/>
      <c r="T21" s="180"/>
      <c r="U21" s="180"/>
      <c r="V21" s="180"/>
      <c r="W21" s="180"/>
      <c r="X21" s="180"/>
      <c r="Y21" s="268" t="s">
        <v>9</v>
      </c>
      <c r="Z21" s="268"/>
      <c r="AA21" s="268"/>
      <c r="AB21" s="268"/>
      <c r="AC21" s="269" t="s">
        <v>180</v>
      </c>
      <c r="AD21" s="269"/>
      <c r="AE21" s="269"/>
      <c r="AF21" s="269"/>
      <c r="AG21" s="269"/>
      <c r="AH21" s="269"/>
      <c r="AI21" s="269"/>
      <c r="AJ21" s="269"/>
      <c r="AK21" s="269"/>
      <c r="AL21" s="269"/>
      <c r="AM21" s="179"/>
    </row>
    <row r="22" spans="4:39" ht="30" customHeight="1">
      <c r="D22" s="177"/>
      <c r="E22" s="428"/>
      <c r="F22" s="428"/>
      <c r="G22" s="428"/>
      <c r="H22" s="430"/>
      <c r="I22" s="430"/>
      <c r="J22" s="430"/>
      <c r="K22" s="430"/>
      <c r="L22" s="181"/>
      <c r="M22" s="430"/>
      <c r="N22" s="430"/>
      <c r="O22" s="181"/>
      <c r="P22" s="430"/>
      <c r="Q22" s="430"/>
      <c r="R22" s="181"/>
      <c r="S22" s="180"/>
      <c r="T22" s="180"/>
      <c r="U22" s="180"/>
      <c r="V22" s="180"/>
      <c r="W22" s="180"/>
      <c r="X22" s="180"/>
      <c r="Y22" s="268" t="s">
        <v>10</v>
      </c>
      <c r="Z22" s="268"/>
      <c r="AA22" s="268"/>
      <c r="AB22" s="169"/>
      <c r="AC22" s="272" t="s">
        <v>181</v>
      </c>
      <c r="AD22" s="272"/>
      <c r="AE22" s="53" t="s">
        <v>182</v>
      </c>
      <c r="AF22" s="272" t="s">
        <v>183</v>
      </c>
      <c r="AG22" s="272"/>
      <c r="AH22" s="272"/>
      <c r="AI22" s="53" t="s">
        <v>184</v>
      </c>
      <c r="AJ22" s="272" t="s">
        <v>185</v>
      </c>
      <c r="AK22" s="272"/>
      <c r="AL22" s="272"/>
      <c r="AM22" s="179"/>
    </row>
    <row r="23" spans="4:39" ht="30" customHeight="1">
      <c r="D23" s="177"/>
      <c r="E23" s="428"/>
      <c r="F23" s="428"/>
      <c r="G23" s="428"/>
      <c r="H23" s="428"/>
      <c r="I23" s="428"/>
      <c r="J23" s="428"/>
      <c r="K23" s="428"/>
      <c r="L23" s="428"/>
      <c r="M23" s="428"/>
      <c r="N23" s="428"/>
      <c r="O23" s="428"/>
      <c r="P23" s="428"/>
      <c r="Q23" s="428"/>
      <c r="R23" s="428"/>
      <c r="S23" s="180"/>
      <c r="T23" s="180"/>
      <c r="U23" s="180"/>
      <c r="V23" s="180"/>
      <c r="W23" s="180"/>
      <c r="X23" s="180"/>
      <c r="Y23" s="295" t="s">
        <v>12</v>
      </c>
      <c r="Z23" s="295"/>
      <c r="AA23" s="295"/>
      <c r="AB23" s="295"/>
      <c r="AC23" s="296" t="s">
        <v>186</v>
      </c>
      <c r="AD23" s="296"/>
      <c r="AE23" s="296"/>
      <c r="AF23" s="296"/>
      <c r="AG23" s="296"/>
      <c r="AH23" s="296"/>
      <c r="AI23" s="296"/>
      <c r="AJ23" s="296"/>
      <c r="AK23" s="296"/>
      <c r="AL23" s="296"/>
      <c r="AM23" s="179"/>
    </row>
    <row r="24" spans="4:39" ht="30" customHeight="1">
      <c r="D24" s="177"/>
      <c r="E24" s="428"/>
      <c r="F24" s="428"/>
      <c r="G24" s="428"/>
      <c r="H24" s="428"/>
      <c r="I24" s="297"/>
      <c r="J24" s="297"/>
      <c r="K24" s="54"/>
      <c r="L24" s="297"/>
      <c r="M24" s="297"/>
      <c r="N24" s="297"/>
      <c r="O24" s="54"/>
      <c r="P24" s="297"/>
      <c r="Q24" s="297"/>
      <c r="R24" s="297"/>
      <c r="S24" s="180"/>
      <c r="T24" s="180"/>
      <c r="U24" s="180"/>
      <c r="V24" s="180"/>
      <c r="W24" s="180"/>
      <c r="X24" s="180"/>
      <c r="Y24" s="268" t="s">
        <v>13</v>
      </c>
      <c r="Z24" s="268"/>
      <c r="AA24" s="268"/>
      <c r="AB24" s="268"/>
      <c r="AC24" s="272" t="s">
        <v>187</v>
      </c>
      <c r="AD24" s="272"/>
      <c r="AE24" s="53" t="s">
        <v>184</v>
      </c>
      <c r="AF24" s="272" t="s">
        <v>188</v>
      </c>
      <c r="AG24" s="272"/>
      <c r="AH24" s="272"/>
      <c r="AI24" s="53" t="s">
        <v>189</v>
      </c>
      <c r="AJ24" s="272" t="s">
        <v>190</v>
      </c>
      <c r="AK24" s="272"/>
      <c r="AL24" s="272"/>
      <c r="AM24" s="179"/>
    </row>
    <row r="25" spans="4:39" ht="25.5" customHeight="1">
      <c r="D25" s="177"/>
      <c r="E25" s="182" t="s">
        <v>14</v>
      </c>
      <c r="F25" s="183"/>
      <c r="G25" s="183"/>
      <c r="H25" s="183"/>
      <c r="I25" s="183"/>
      <c r="J25" s="183"/>
      <c r="K25" s="183"/>
      <c r="L25" s="183"/>
      <c r="M25" s="183"/>
      <c r="N25" s="183"/>
      <c r="O25" s="183"/>
      <c r="P25" s="183"/>
      <c r="Q25" s="183"/>
      <c r="R25" s="183"/>
      <c r="S25" s="180"/>
      <c r="T25" s="180"/>
      <c r="U25" s="180"/>
      <c r="V25" s="180"/>
      <c r="W25" s="180"/>
      <c r="X25" s="180"/>
      <c r="Y25" s="298"/>
      <c r="Z25" s="298"/>
      <c r="AA25" s="298"/>
      <c r="AB25" s="298"/>
      <c r="AC25" s="298"/>
      <c r="AD25" s="298"/>
      <c r="AE25" s="298"/>
      <c r="AF25" s="298"/>
      <c r="AG25" s="298"/>
      <c r="AH25" s="298"/>
      <c r="AI25" s="298"/>
      <c r="AJ25" s="298"/>
      <c r="AK25" s="298"/>
      <c r="AL25" s="298"/>
      <c r="AM25" s="179"/>
    </row>
    <row r="26" spans="4:39" ht="25.5" customHeight="1">
      <c r="D26" s="177"/>
      <c r="E26" s="184" t="s">
        <v>191</v>
      </c>
      <c r="F26" s="183"/>
      <c r="G26" s="183"/>
      <c r="H26" s="183"/>
      <c r="I26" s="183"/>
      <c r="J26" s="183"/>
      <c r="K26" s="183"/>
      <c r="L26" s="183"/>
      <c r="M26" s="183"/>
      <c r="N26" s="183"/>
      <c r="O26" s="183"/>
      <c r="P26" s="183"/>
      <c r="Q26" s="183"/>
      <c r="R26" s="183"/>
      <c r="S26" s="183"/>
      <c r="T26" s="183"/>
      <c r="U26" s="183"/>
      <c r="V26" s="183"/>
      <c r="W26" s="183"/>
      <c r="X26" s="183"/>
      <c r="Y26" s="183"/>
      <c r="Z26" s="183"/>
      <c r="AA26" s="183"/>
      <c r="AB26" s="183"/>
      <c r="AC26" s="183"/>
      <c r="AD26" s="183"/>
      <c r="AE26" s="183"/>
      <c r="AF26" s="183"/>
      <c r="AG26" s="183"/>
      <c r="AH26" s="183"/>
      <c r="AI26" s="183"/>
      <c r="AJ26" s="183"/>
      <c r="AK26" s="183"/>
      <c r="AL26" s="183"/>
      <c r="AM26" s="179"/>
    </row>
    <row r="27" spans="4:39" ht="25.5" customHeight="1" thickBot="1">
      <c r="D27" s="177"/>
      <c r="E27" s="182"/>
      <c r="F27" s="183"/>
      <c r="G27" s="183"/>
      <c r="H27" s="183"/>
      <c r="I27" s="183"/>
      <c r="J27" s="183"/>
      <c r="K27" s="183"/>
      <c r="L27" s="183"/>
      <c r="M27" s="183"/>
      <c r="N27" s="183"/>
      <c r="O27" s="183"/>
      <c r="P27" s="183"/>
      <c r="Q27" s="183"/>
      <c r="R27" s="183"/>
      <c r="S27" s="183"/>
      <c r="T27" s="183"/>
      <c r="U27" s="183"/>
      <c r="V27" s="183"/>
      <c r="W27" s="183"/>
      <c r="X27" s="183"/>
      <c r="Y27" s="183"/>
      <c r="Z27" s="183"/>
      <c r="AA27" s="183"/>
      <c r="AB27" s="183"/>
      <c r="AC27" s="183"/>
      <c r="AD27" s="183"/>
      <c r="AE27" s="183"/>
      <c r="AF27" s="183"/>
      <c r="AG27" s="183"/>
      <c r="AH27" s="183"/>
      <c r="AI27" s="183"/>
      <c r="AJ27" s="183"/>
      <c r="AK27" s="183"/>
      <c r="AL27" s="183"/>
      <c r="AM27" s="179"/>
    </row>
    <row r="28" spans="4:39" ht="25.5" customHeight="1" thickBot="1">
      <c r="D28" s="177"/>
      <c r="E28" s="165" t="s">
        <v>192</v>
      </c>
      <c r="F28" s="299" t="s">
        <v>17</v>
      </c>
      <c r="G28" s="300"/>
      <c r="H28" s="300"/>
      <c r="I28" s="300"/>
      <c r="J28" s="300"/>
      <c r="K28" s="301"/>
      <c r="L28" s="299" t="s">
        <v>18</v>
      </c>
      <c r="M28" s="300"/>
      <c r="N28" s="300"/>
      <c r="O28" s="300"/>
      <c r="P28" s="300"/>
      <c r="Q28" s="300"/>
      <c r="R28" s="300"/>
      <c r="S28" s="300"/>
      <c r="T28" s="300"/>
      <c r="U28" s="300"/>
      <c r="V28" s="300"/>
      <c r="W28" s="300"/>
      <c r="X28" s="300"/>
      <c r="Y28" s="300"/>
      <c r="Z28" s="300"/>
      <c r="AA28" s="300"/>
      <c r="AB28" s="300"/>
      <c r="AC28" s="300"/>
      <c r="AD28" s="300"/>
      <c r="AE28" s="300"/>
      <c r="AF28" s="300"/>
      <c r="AG28" s="300"/>
      <c r="AH28" s="300"/>
      <c r="AI28" s="300"/>
      <c r="AJ28" s="300"/>
      <c r="AK28" s="302"/>
      <c r="AL28" s="301"/>
      <c r="AM28" s="179"/>
    </row>
    <row r="29" spans="4:39" ht="25.5" customHeight="1">
      <c r="D29" s="177"/>
      <c r="E29" s="265">
        <v>1</v>
      </c>
      <c r="F29" s="292" t="s">
        <v>19</v>
      </c>
      <c r="G29" s="292"/>
      <c r="H29" s="292"/>
      <c r="I29" s="292"/>
      <c r="J29" s="292"/>
      <c r="K29" s="292"/>
      <c r="L29" s="32" t="s">
        <v>122</v>
      </c>
      <c r="M29" s="59" t="s">
        <v>102</v>
      </c>
      <c r="N29" s="59"/>
      <c r="O29" s="59"/>
      <c r="P29" s="33" t="s">
        <v>122</v>
      </c>
      <c r="Q29" s="59" t="s">
        <v>103</v>
      </c>
      <c r="R29" s="59"/>
      <c r="S29" s="59"/>
      <c r="T29" s="33" t="s">
        <v>122</v>
      </c>
      <c r="U29" s="59" t="s">
        <v>104</v>
      </c>
      <c r="V29" s="59"/>
      <c r="W29" s="59"/>
      <c r="X29" s="59"/>
      <c r="Y29" s="59"/>
      <c r="Z29" s="33" t="s">
        <v>122</v>
      </c>
      <c r="AA29" s="59" t="s">
        <v>105</v>
      </c>
      <c r="AB29" s="59"/>
      <c r="AC29" s="33" t="s">
        <v>122</v>
      </c>
      <c r="AD29" s="59" t="s">
        <v>106</v>
      </c>
      <c r="AE29" s="59"/>
      <c r="AF29" s="33" t="s">
        <v>122</v>
      </c>
      <c r="AG29" s="59" t="s">
        <v>107</v>
      </c>
      <c r="AH29" s="59"/>
      <c r="AI29" s="59"/>
      <c r="AJ29" s="59"/>
      <c r="AK29" s="59"/>
      <c r="AL29" s="60"/>
      <c r="AM29" s="179"/>
    </row>
    <row r="30" spans="4:39" ht="25.5" customHeight="1">
      <c r="D30" s="177"/>
      <c r="E30" s="291"/>
      <c r="F30" s="293"/>
      <c r="G30" s="293"/>
      <c r="H30" s="293"/>
      <c r="I30" s="293"/>
      <c r="J30" s="293"/>
      <c r="K30" s="293"/>
      <c r="L30" s="34" t="s">
        <v>193</v>
      </c>
      <c r="M30" s="61" t="s">
        <v>108</v>
      </c>
      <c r="N30" s="61"/>
      <c r="O30" s="61"/>
      <c r="P30" s="35" t="s">
        <v>122</v>
      </c>
      <c r="Q30" s="61" t="s">
        <v>109</v>
      </c>
      <c r="R30" s="61"/>
      <c r="S30" s="61"/>
      <c r="T30" s="35" t="s">
        <v>122</v>
      </c>
      <c r="U30" s="61" t="s">
        <v>110</v>
      </c>
      <c r="V30" s="61"/>
      <c r="W30" s="61"/>
      <c r="X30" s="61"/>
      <c r="Y30" s="61"/>
      <c r="Z30" s="35" t="s">
        <v>122</v>
      </c>
      <c r="AA30" s="61" t="s">
        <v>111</v>
      </c>
      <c r="AB30" s="61"/>
      <c r="AC30" s="61"/>
      <c r="AD30" s="61"/>
      <c r="AE30" s="61"/>
      <c r="AF30" s="35" t="s">
        <v>122</v>
      </c>
      <c r="AG30" s="61" t="s">
        <v>112</v>
      </c>
      <c r="AH30" s="61"/>
      <c r="AI30" s="61"/>
      <c r="AJ30" s="61"/>
      <c r="AK30" s="61"/>
      <c r="AL30" s="62"/>
      <c r="AM30" s="179"/>
    </row>
    <row r="31" spans="4:39" ht="25.5" customHeight="1">
      <c r="D31" s="177"/>
      <c r="E31" s="291"/>
      <c r="F31" s="293"/>
      <c r="G31" s="293"/>
      <c r="H31" s="293"/>
      <c r="I31" s="293"/>
      <c r="J31" s="293"/>
      <c r="K31" s="293"/>
      <c r="L31" s="34" t="s">
        <v>122</v>
      </c>
      <c r="M31" s="61" t="s">
        <v>113</v>
      </c>
      <c r="N31" s="61"/>
      <c r="O31" s="61"/>
      <c r="P31" s="61"/>
      <c r="Q31" s="61"/>
      <c r="R31" s="61"/>
      <c r="S31" s="61"/>
      <c r="T31" s="35" t="s">
        <v>122</v>
      </c>
      <c r="U31" s="61" t="s">
        <v>114</v>
      </c>
      <c r="V31" s="61"/>
      <c r="W31" s="61"/>
      <c r="X31" s="61"/>
      <c r="Y31" s="61"/>
      <c r="Z31" s="35" t="s">
        <v>122</v>
      </c>
      <c r="AA31" s="61" t="s">
        <v>115</v>
      </c>
      <c r="AB31" s="61"/>
      <c r="AC31" s="61"/>
      <c r="AD31" s="61"/>
      <c r="AE31" s="61"/>
      <c r="AF31" s="61"/>
      <c r="AG31" s="35" t="s">
        <v>122</v>
      </c>
      <c r="AH31" s="61" t="s">
        <v>116</v>
      </c>
      <c r="AI31" s="61"/>
      <c r="AJ31" s="61"/>
      <c r="AK31" s="61"/>
      <c r="AL31" s="62"/>
      <c r="AM31" s="179"/>
    </row>
    <row r="32" spans="4:39" ht="25.5" customHeight="1" thickBot="1">
      <c r="D32" s="177"/>
      <c r="E32" s="266"/>
      <c r="F32" s="294"/>
      <c r="G32" s="294"/>
      <c r="H32" s="294"/>
      <c r="I32" s="294"/>
      <c r="J32" s="294"/>
      <c r="K32" s="294"/>
      <c r="L32" s="36" t="s">
        <v>122</v>
      </c>
      <c r="M32" s="63" t="s">
        <v>194</v>
      </c>
      <c r="N32" s="63"/>
      <c r="O32" s="63"/>
      <c r="P32" s="63"/>
      <c r="Q32" s="37" t="s">
        <v>122</v>
      </c>
      <c r="R32" s="63" t="s">
        <v>117</v>
      </c>
      <c r="S32" s="63"/>
      <c r="T32" s="63"/>
      <c r="U32" s="63"/>
      <c r="V32" s="37" t="s">
        <v>122</v>
      </c>
      <c r="W32" s="63" t="s">
        <v>118</v>
      </c>
      <c r="X32" s="63"/>
      <c r="Y32" s="63"/>
      <c r="Z32" s="37" t="s">
        <v>122</v>
      </c>
      <c r="AA32" s="63" t="s">
        <v>195</v>
      </c>
      <c r="AB32" s="63"/>
      <c r="AC32" s="303"/>
      <c r="AD32" s="303"/>
      <c r="AE32" s="303"/>
      <c r="AF32" s="303"/>
      <c r="AG32" s="303"/>
      <c r="AH32" s="303"/>
      <c r="AI32" s="303"/>
      <c r="AJ32" s="63" t="s">
        <v>196</v>
      </c>
      <c r="AK32" s="63"/>
      <c r="AL32" s="64"/>
      <c r="AM32" s="179"/>
    </row>
    <row r="33" spans="4:59" ht="26.1" customHeight="1">
      <c r="D33" s="177"/>
      <c r="E33" s="265">
        <v>2</v>
      </c>
      <c r="F33" s="280" t="s">
        <v>197</v>
      </c>
      <c r="G33" s="254"/>
      <c r="H33" s="254"/>
      <c r="I33" s="254"/>
      <c r="J33" s="254"/>
      <c r="K33" s="255"/>
      <c r="L33" s="281" t="s">
        <v>198</v>
      </c>
      <c r="M33" s="282"/>
      <c r="N33" s="282"/>
      <c r="O33" s="282"/>
      <c r="P33" s="282"/>
      <c r="Q33" s="282"/>
      <c r="R33" s="282"/>
      <c r="S33" s="282"/>
      <c r="T33" s="282"/>
      <c r="U33" s="282"/>
      <c r="V33" s="282"/>
      <c r="W33" s="282"/>
      <c r="X33" s="282"/>
      <c r="Y33" s="282"/>
      <c r="Z33" s="282"/>
      <c r="AA33" s="282"/>
      <c r="AB33" s="282"/>
      <c r="AC33" s="283"/>
      <c r="AD33" s="65"/>
      <c r="AE33" s="66"/>
      <c r="AF33" s="66"/>
      <c r="AG33" s="66"/>
      <c r="AH33" s="66"/>
      <c r="AI33" s="66"/>
      <c r="AJ33" s="66"/>
      <c r="AK33" s="66"/>
      <c r="AL33" s="67"/>
      <c r="AM33" s="179"/>
    </row>
    <row r="34" spans="4:59" ht="45" customHeight="1" thickBot="1">
      <c r="D34" s="177"/>
      <c r="E34" s="266"/>
      <c r="F34" s="284" t="s">
        <v>22</v>
      </c>
      <c r="G34" s="285"/>
      <c r="H34" s="285"/>
      <c r="I34" s="285"/>
      <c r="J34" s="285"/>
      <c r="K34" s="286"/>
      <c r="L34" s="287" t="s">
        <v>199</v>
      </c>
      <c r="M34" s="288"/>
      <c r="N34" s="288"/>
      <c r="O34" s="288"/>
      <c r="P34" s="288"/>
      <c r="Q34" s="288"/>
      <c r="R34" s="288"/>
      <c r="S34" s="288"/>
      <c r="T34" s="288"/>
      <c r="U34" s="288"/>
      <c r="V34" s="288"/>
      <c r="W34" s="288"/>
      <c r="X34" s="288"/>
      <c r="Y34" s="288"/>
      <c r="Z34" s="288"/>
      <c r="AA34" s="288"/>
      <c r="AB34" s="288"/>
      <c r="AC34" s="288"/>
      <c r="AD34" s="289" t="s">
        <v>200</v>
      </c>
      <c r="AE34" s="290"/>
      <c r="AF34" s="208">
        <v>1990</v>
      </c>
      <c r="AG34" s="208"/>
      <c r="AH34" s="68" t="s">
        <v>201</v>
      </c>
      <c r="AI34" s="4">
        <v>1</v>
      </c>
      <c r="AJ34" s="68" t="s">
        <v>5</v>
      </c>
      <c r="AK34" s="4">
        <v>1</v>
      </c>
      <c r="AL34" s="69" t="s">
        <v>202</v>
      </c>
      <c r="AM34" s="179"/>
      <c r="BG34" s="31"/>
    </row>
    <row r="35" spans="4:59" ht="33.75" customHeight="1" thickBot="1">
      <c r="D35" s="177"/>
      <c r="E35" s="167">
        <v>3</v>
      </c>
      <c r="F35" s="209" t="s">
        <v>26</v>
      </c>
      <c r="G35" s="210"/>
      <c r="H35" s="210"/>
      <c r="I35" s="210"/>
      <c r="J35" s="210"/>
      <c r="K35" s="211"/>
      <c r="L35" s="34" t="s">
        <v>122</v>
      </c>
      <c r="M35" s="71" t="s">
        <v>125</v>
      </c>
      <c r="N35" s="35" t="s">
        <v>193</v>
      </c>
      <c r="O35" s="72" t="s">
        <v>126</v>
      </c>
      <c r="P35" s="212" t="s">
        <v>27</v>
      </c>
      <c r="Q35" s="213"/>
      <c r="R35" s="213"/>
      <c r="S35" s="213"/>
      <c r="T35" s="213"/>
      <c r="U35" s="213"/>
      <c r="V35" s="214"/>
      <c r="W35" s="215">
        <v>2023</v>
      </c>
      <c r="X35" s="216"/>
      <c r="Y35" s="73" t="s">
        <v>4</v>
      </c>
      <c r="Z35" s="170">
        <v>1</v>
      </c>
      <c r="AA35" s="73" t="s">
        <v>5</v>
      </c>
      <c r="AB35" s="170">
        <v>1</v>
      </c>
      <c r="AC35" s="73" t="s">
        <v>6</v>
      </c>
      <c r="AD35" s="73" t="s">
        <v>203</v>
      </c>
      <c r="AE35" s="216">
        <v>2024</v>
      </c>
      <c r="AF35" s="217"/>
      <c r="AG35" s="73" t="s">
        <v>4</v>
      </c>
      <c r="AH35" s="170">
        <v>12</v>
      </c>
      <c r="AI35" s="73" t="s">
        <v>5</v>
      </c>
      <c r="AJ35" s="170">
        <v>31</v>
      </c>
      <c r="AK35" s="73" t="s">
        <v>6</v>
      </c>
      <c r="AL35" s="74"/>
      <c r="AM35" s="179"/>
    </row>
    <row r="36" spans="4:59" ht="35.1" customHeight="1" thickBot="1">
      <c r="D36" s="177"/>
      <c r="E36" s="265">
        <v>4</v>
      </c>
      <c r="F36" s="253" t="s">
        <v>29</v>
      </c>
      <c r="G36" s="254"/>
      <c r="H36" s="254"/>
      <c r="I36" s="254"/>
      <c r="J36" s="254"/>
      <c r="K36" s="255"/>
      <c r="L36" s="259" t="s">
        <v>30</v>
      </c>
      <c r="M36" s="260"/>
      <c r="N36" s="260"/>
      <c r="O36" s="261"/>
      <c r="P36" s="262" t="s">
        <v>204</v>
      </c>
      <c r="Q36" s="263"/>
      <c r="R36" s="263"/>
      <c r="S36" s="263"/>
      <c r="T36" s="263"/>
      <c r="U36" s="263"/>
      <c r="V36" s="263"/>
      <c r="W36" s="263"/>
      <c r="X36" s="263"/>
      <c r="Y36" s="263"/>
      <c r="Z36" s="263"/>
      <c r="AA36" s="263"/>
      <c r="AB36" s="263"/>
      <c r="AC36" s="263"/>
      <c r="AD36" s="263"/>
      <c r="AE36" s="263"/>
      <c r="AF36" s="263"/>
      <c r="AG36" s="263"/>
      <c r="AH36" s="263"/>
      <c r="AI36" s="263"/>
      <c r="AJ36" s="263"/>
      <c r="AK36" s="263"/>
      <c r="AL36" s="264"/>
      <c r="AM36" s="179"/>
    </row>
    <row r="37" spans="4:59" ht="35.1" customHeight="1" thickBot="1">
      <c r="D37" s="177"/>
      <c r="E37" s="279"/>
      <c r="F37" s="256"/>
      <c r="G37" s="257"/>
      <c r="H37" s="257"/>
      <c r="I37" s="257"/>
      <c r="J37" s="257"/>
      <c r="K37" s="258"/>
      <c r="L37" s="259" t="s">
        <v>31</v>
      </c>
      <c r="M37" s="260"/>
      <c r="N37" s="260"/>
      <c r="O37" s="261"/>
      <c r="P37" s="262" t="s">
        <v>205</v>
      </c>
      <c r="Q37" s="263"/>
      <c r="R37" s="263"/>
      <c r="S37" s="263"/>
      <c r="T37" s="263"/>
      <c r="U37" s="263"/>
      <c r="V37" s="263"/>
      <c r="W37" s="263"/>
      <c r="X37" s="263"/>
      <c r="Y37" s="263"/>
      <c r="Z37" s="263"/>
      <c r="AA37" s="263"/>
      <c r="AB37" s="263"/>
      <c r="AC37" s="263"/>
      <c r="AD37" s="263"/>
      <c r="AE37" s="263"/>
      <c r="AF37" s="263"/>
      <c r="AG37" s="263"/>
      <c r="AH37" s="263"/>
      <c r="AI37" s="263"/>
      <c r="AJ37" s="263"/>
      <c r="AK37" s="263"/>
      <c r="AL37" s="264"/>
      <c r="AM37" s="179"/>
    </row>
    <row r="38" spans="4:59" ht="27.95" customHeight="1">
      <c r="D38" s="177"/>
      <c r="E38" s="265">
        <v>5</v>
      </c>
      <c r="F38" s="253" t="s">
        <v>32</v>
      </c>
      <c r="G38" s="254"/>
      <c r="H38" s="254"/>
      <c r="I38" s="254"/>
      <c r="J38" s="254"/>
      <c r="K38" s="255"/>
      <c r="L38" s="32" t="s">
        <v>193</v>
      </c>
      <c r="M38" s="75" t="s">
        <v>206</v>
      </c>
      <c r="N38" s="75"/>
      <c r="O38" s="33" t="s">
        <v>122</v>
      </c>
      <c r="P38" s="76" t="s">
        <v>207</v>
      </c>
      <c r="Q38" s="76"/>
      <c r="R38" s="76"/>
      <c r="S38" s="76"/>
      <c r="T38" s="33" t="s">
        <v>122</v>
      </c>
      <c r="U38" s="76" t="s">
        <v>134</v>
      </c>
      <c r="V38" s="76"/>
      <c r="W38" s="33" t="s">
        <v>122</v>
      </c>
      <c r="X38" s="76" t="s">
        <v>135</v>
      </c>
      <c r="Y38" s="76"/>
      <c r="Z38" s="33" t="s">
        <v>122</v>
      </c>
      <c r="AA38" s="76" t="s">
        <v>136</v>
      </c>
      <c r="AB38" s="76"/>
      <c r="AC38" s="76"/>
      <c r="AD38" s="76"/>
      <c r="AE38" s="33" t="s">
        <v>122</v>
      </c>
      <c r="AF38" s="76" t="s">
        <v>137</v>
      </c>
      <c r="AG38" s="76"/>
      <c r="AH38" s="76"/>
      <c r="AI38" s="76"/>
      <c r="AJ38" s="33" t="s">
        <v>122</v>
      </c>
      <c r="AK38" s="76" t="s">
        <v>138</v>
      </c>
      <c r="AL38" s="77"/>
      <c r="AM38" s="179"/>
    </row>
    <row r="39" spans="4:59" ht="27.95" customHeight="1" thickBot="1">
      <c r="D39" s="177"/>
      <c r="E39" s="266"/>
      <c r="F39" s="306"/>
      <c r="G39" s="307"/>
      <c r="H39" s="307"/>
      <c r="I39" s="307"/>
      <c r="J39" s="307"/>
      <c r="K39" s="308"/>
      <c r="L39" s="34" t="s">
        <v>122</v>
      </c>
      <c r="M39" s="78" t="s">
        <v>208</v>
      </c>
      <c r="N39" s="78"/>
      <c r="O39" s="35" t="s">
        <v>122</v>
      </c>
      <c r="P39" s="79" t="s">
        <v>209</v>
      </c>
      <c r="Q39" s="79"/>
      <c r="R39" s="79"/>
      <c r="S39" s="79"/>
      <c r="T39" s="35" t="s">
        <v>122</v>
      </c>
      <c r="U39" s="79" t="s">
        <v>141</v>
      </c>
      <c r="V39" s="79"/>
      <c r="W39" s="80"/>
      <c r="X39" s="35" t="s">
        <v>122</v>
      </c>
      <c r="Y39" s="79" t="s">
        <v>142</v>
      </c>
      <c r="Z39" s="35" t="s">
        <v>122</v>
      </c>
      <c r="AA39" s="79" t="s">
        <v>143</v>
      </c>
      <c r="AB39" s="79"/>
      <c r="AC39" s="79"/>
      <c r="AD39" s="35" t="s">
        <v>210</v>
      </c>
      <c r="AE39" s="79" t="s">
        <v>211</v>
      </c>
      <c r="AF39" s="63"/>
      <c r="AG39" s="232"/>
      <c r="AH39" s="232"/>
      <c r="AI39" s="232"/>
      <c r="AJ39" s="232"/>
      <c r="AK39" s="232"/>
      <c r="AL39" s="81" t="s">
        <v>212</v>
      </c>
      <c r="AM39" s="179"/>
    </row>
    <row r="40" spans="4:59" ht="27.95" customHeight="1">
      <c r="D40" s="177"/>
      <c r="E40" s="243">
        <v>6</v>
      </c>
      <c r="F40" s="209" t="s">
        <v>34</v>
      </c>
      <c r="G40" s="210"/>
      <c r="H40" s="210"/>
      <c r="I40" s="210"/>
      <c r="J40" s="210"/>
      <c r="K40" s="211"/>
      <c r="L40" s="82" t="s">
        <v>100</v>
      </c>
      <c r="M40" s="162" t="s">
        <v>101</v>
      </c>
      <c r="N40" s="162" t="s">
        <v>127</v>
      </c>
      <c r="O40" s="162" t="s">
        <v>128</v>
      </c>
      <c r="P40" s="162" t="s">
        <v>129</v>
      </c>
      <c r="Q40" s="162" t="s">
        <v>130</v>
      </c>
      <c r="R40" s="162" t="s">
        <v>213</v>
      </c>
      <c r="S40" s="390" t="s">
        <v>214</v>
      </c>
      <c r="T40" s="390"/>
      <c r="U40" s="391"/>
      <c r="V40" s="233" t="s">
        <v>215</v>
      </c>
      <c r="W40" s="234"/>
      <c r="X40" s="237" t="s">
        <v>36</v>
      </c>
      <c r="Y40" s="238"/>
      <c r="Z40" s="241">
        <v>180</v>
      </c>
      <c r="AA40" s="241"/>
      <c r="AB40" s="238" t="s">
        <v>37</v>
      </c>
      <c r="AC40" s="238"/>
      <c r="AD40" s="241">
        <v>0</v>
      </c>
      <c r="AE40" s="241"/>
      <c r="AF40" s="238" t="s">
        <v>38</v>
      </c>
      <c r="AG40" s="238" t="s">
        <v>39</v>
      </c>
      <c r="AH40" s="238"/>
      <c r="AI40" s="238"/>
      <c r="AJ40" s="241">
        <v>1200</v>
      </c>
      <c r="AK40" s="241"/>
      <c r="AL40" s="304" t="s">
        <v>40</v>
      </c>
      <c r="AM40" s="179"/>
    </row>
    <row r="41" spans="4:59" ht="27.95" customHeight="1">
      <c r="D41" s="177"/>
      <c r="E41" s="386"/>
      <c r="F41" s="387"/>
      <c r="G41" s="388"/>
      <c r="H41" s="388"/>
      <c r="I41" s="388"/>
      <c r="J41" s="388"/>
      <c r="K41" s="389"/>
      <c r="L41" s="38" t="s">
        <v>193</v>
      </c>
      <c r="M41" s="163" t="s">
        <v>193</v>
      </c>
      <c r="N41" s="163" t="s">
        <v>193</v>
      </c>
      <c r="O41" s="163" t="s">
        <v>193</v>
      </c>
      <c r="P41" s="163" t="s">
        <v>193</v>
      </c>
      <c r="Q41" s="163" t="s">
        <v>122</v>
      </c>
      <c r="R41" s="163" t="s">
        <v>122</v>
      </c>
      <c r="S41" s="392" t="s">
        <v>122</v>
      </c>
      <c r="T41" s="392"/>
      <c r="U41" s="393"/>
      <c r="V41" s="235"/>
      <c r="W41" s="236"/>
      <c r="X41" s="239"/>
      <c r="Y41" s="240"/>
      <c r="Z41" s="242"/>
      <c r="AA41" s="242"/>
      <c r="AB41" s="240"/>
      <c r="AC41" s="240"/>
      <c r="AD41" s="242"/>
      <c r="AE41" s="242"/>
      <c r="AF41" s="240"/>
      <c r="AG41" s="240"/>
      <c r="AH41" s="240"/>
      <c r="AI41" s="240"/>
      <c r="AJ41" s="242"/>
      <c r="AK41" s="242"/>
      <c r="AL41" s="305"/>
      <c r="AM41" s="179"/>
    </row>
    <row r="42" spans="4:59" ht="30" customHeight="1">
      <c r="D42" s="177"/>
      <c r="E42" s="386"/>
      <c r="F42" s="387"/>
      <c r="G42" s="388"/>
      <c r="H42" s="388"/>
      <c r="I42" s="388"/>
      <c r="J42" s="388"/>
      <c r="K42" s="389"/>
      <c r="L42" s="325" t="s">
        <v>41</v>
      </c>
      <c r="M42" s="326"/>
      <c r="N42" s="326"/>
      <c r="O42" s="326"/>
      <c r="P42" s="326"/>
      <c r="Q42" s="327"/>
      <c r="R42" s="328" t="s">
        <v>36</v>
      </c>
      <c r="S42" s="323"/>
      <c r="T42" s="322">
        <v>20</v>
      </c>
      <c r="U42" s="348"/>
      <c r="V42" s="348"/>
      <c r="W42" s="84" t="s">
        <v>6</v>
      </c>
      <c r="X42" s="349" t="s">
        <v>42</v>
      </c>
      <c r="Y42" s="326"/>
      <c r="Z42" s="326"/>
      <c r="AA42" s="326"/>
      <c r="AB42" s="326"/>
      <c r="AC42" s="327"/>
      <c r="AD42" s="328" t="s">
        <v>43</v>
      </c>
      <c r="AE42" s="323"/>
      <c r="AF42" s="322">
        <v>5</v>
      </c>
      <c r="AG42" s="322"/>
      <c r="AH42" s="322"/>
      <c r="AI42" s="166" t="s">
        <v>6</v>
      </c>
      <c r="AJ42" s="350"/>
      <c r="AK42" s="350"/>
      <c r="AL42" s="351"/>
      <c r="AM42" s="179"/>
    </row>
    <row r="43" spans="4:59" ht="30" customHeight="1">
      <c r="D43" s="177"/>
      <c r="E43" s="386"/>
      <c r="F43" s="387"/>
      <c r="G43" s="388"/>
      <c r="H43" s="388"/>
      <c r="I43" s="388"/>
      <c r="J43" s="388"/>
      <c r="K43" s="389"/>
      <c r="L43" s="312" t="s">
        <v>44</v>
      </c>
      <c r="M43" s="313"/>
      <c r="N43" s="314">
        <v>8</v>
      </c>
      <c r="O43" s="314"/>
      <c r="P43" s="86" t="s">
        <v>45</v>
      </c>
      <c r="Q43" s="315">
        <v>0</v>
      </c>
      <c r="R43" s="315"/>
      <c r="S43" s="86" t="s">
        <v>38</v>
      </c>
      <c r="T43" s="87"/>
      <c r="U43" s="88"/>
      <c r="V43" s="88" t="s">
        <v>216</v>
      </c>
      <c r="W43" s="316">
        <v>17</v>
      </c>
      <c r="X43" s="316"/>
      <c r="Y43" s="88" t="s">
        <v>45</v>
      </c>
      <c r="Z43" s="316">
        <v>0</v>
      </c>
      <c r="AA43" s="316"/>
      <c r="AB43" s="88" t="s">
        <v>38</v>
      </c>
      <c r="AC43" s="89" t="s">
        <v>39</v>
      </c>
      <c r="AD43" s="89"/>
      <c r="AE43" s="89"/>
      <c r="AF43" s="316">
        <v>60</v>
      </c>
      <c r="AG43" s="316"/>
      <c r="AH43" s="89" t="s">
        <v>40</v>
      </c>
      <c r="AI43" s="317"/>
      <c r="AJ43" s="317"/>
      <c r="AK43" s="317"/>
      <c r="AL43" s="318"/>
      <c r="AM43" s="179"/>
    </row>
    <row r="44" spans="4:59" ht="30" customHeight="1">
      <c r="D44" s="177"/>
      <c r="E44" s="386"/>
      <c r="F44" s="387"/>
      <c r="G44" s="388"/>
      <c r="H44" s="388"/>
      <c r="I44" s="388"/>
      <c r="J44" s="388"/>
      <c r="K44" s="389"/>
      <c r="L44" s="319" t="s">
        <v>46</v>
      </c>
      <c r="M44" s="320"/>
      <c r="N44" s="321"/>
      <c r="O44" s="321"/>
      <c r="P44" s="90" t="s">
        <v>45</v>
      </c>
      <c r="Q44" s="321"/>
      <c r="R44" s="321"/>
      <c r="S44" s="90" t="s">
        <v>38</v>
      </c>
      <c r="T44" s="91"/>
      <c r="U44" s="86"/>
      <c r="V44" s="86" t="s">
        <v>217</v>
      </c>
      <c r="W44" s="315"/>
      <c r="X44" s="315"/>
      <c r="Y44" s="86" t="s">
        <v>45</v>
      </c>
      <c r="Z44" s="315"/>
      <c r="AA44" s="315"/>
      <c r="AB44" s="86" t="s">
        <v>38</v>
      </c>
      <c r="AC44" s="47" t="s">
        <v>47</v>
      </c>
      <c r="AD44" s="47"/>
      <c r="AE44" s="47"/>
      <c r="AF44" s="322"/>
      <c r="AG44" s="322"/>
      <c r="AH44" s="47" t="s">
        <v>40</v>
      </c>
      <c r="AI44" s="323"/>
      <c r="AJ44" s="323"/>
      <c r="AK44" s="323"/>
      <c r="AL44" s="324"/>
      <c r="AM44" s="179"/>
    </row>
    <row r="45" spans="4:59" ht="30" customHeight="1" thickBot="1">
      <c r="D45" s="177"/>
      <c r="E45" s="386"/>
      <c r="F45" s="245"/>
      <c r="G45" s="246"/>
      <c r="H45" s="246"/>
      <c r="I45" s="246"/>
      <c r="J45" s="246"/>
      <c r="K45" s="247"/>
      <c r="L45" s="310" t="s">
        <v>48</v>
      </c>
      <c r="M45" s="311"/>
      <c r="N45" s="250"/>
      <c r="O45" s="250"/>
      <c r="P45" s="164" t="s">
        <v>45</v>
      </c>
      <c r="Q45" s="250"/>
      <c r="R45" s="250"/>
      <c r="S45" s="164" t="s">
        <v>38</v>
      </c>
      <c r="T45" s="93"/>
      <c r="U45" s="164"/>
      <c r="V45" s="164" t="s">
        <v>217</v>
      </c>
      <c r="W45" s="250"/>
      <c r="X45" s="250"/>
      <c r="Y45" s="164" t="s">
        <v>45</v>
      </c>
      <c r="Z45" s="250"/>
      <c r="AA45" s="250"/>
      <c r="AB45" s="164" t="s">
        <v>38</v>
      </c>
      <c r="AC45" s="94" t="s">
        <v>47</v>
      </c>
      <c r="AD45" s="94"/>
      <c r="AE45" s="94"/>
      <c r="AF45" s="218"/>
      <c r="AG45" s="218"/>
      <c r="AH45" s="94" t="s">
        <v>40</v>
      </c>
      <c r="AI45" s="407"/>
      <c r="AJ45" s="407"/>
      <c r="AK45" s="407"/>
      <c r="AL45" s="408"/>
      <c r="AM45" s="179"/>
    </row>
    <row r="46" spans="4:59" ht="35.1" customHeight="1">
      <c r="D46" s="177"/>
      <c r="E46" s="386"/>
      <c r="F46" s="329" t="s">
        <v>218</v>
      </c>
      <c r="G46" s="330"/>
      <c r="H46" s="330"/>
      <c r="I46" s="330"/>
      <c r="J46" s="330"/>
      <c r="K46" s="331"/>
      <c r="L46" s="338" t="s">
        <v>50</v>
      </c>
      <c r="M46" s="339"/>
      <c r="N46" s="339"/>
      <c r="O46" s="339"/>
      <c r="P46" s="39" t="s">
        <v>193</v>
      </c>
      <c r="Q46" s="71" t="s">
        <v>36</v>
      </c>
      <c r="R46" s="95"/>
      <c r="S46" s="40" t="s">
        <v>122</v>
      </c>
      <c r="T46" s="71" t="s">
        <v>43</v>
      </c>
      <c r="U46" s="95"/>
      <c r="V46" s="340">
        <v>180</v>
      </c>
      <c r="W46" s="340"/>
      <c r="X46" s="339" t="s">
        <v>37</v>
      </c>
      <c r="Y46" s="339"/>
      <c r="Z46" s="340">
        <v>0</v>
      </c>
      <c r="AA46" s="340"/>
      <c r="AB46" s="96" t="s">
        <v>38</v>
      </c>
      <c r="AC46" s="97" t="s">
        <v>51</v>
      </c>
      <c r="AD46" s="97"/>
      <c r="AE46" s="97"/>
      <c r="AF46" s="340">
        <v>1200</v>
      </c>
      <c r="AG46" s="340"/>
      <c r="AH46" s="97" t="s">
        <v>40</v>
      </c>
      <c r="AI46" s="341"/>
      <c r="AJ46" s="341"/>
      <c r="AK46" s="341"/>
      <c r="AL46" s="342"/>
      <c r="AM46" s="179"/>
    </row>
    <row r="47" spans="4:59" ht="30" customHeight="1">
      <c r="D47" s="177"/>
      <c r="E47" s="386"/>
      <c r="F47" s="332"/>
      <c r="G47" s="333"/>
      <c r="H47" s="333"/>
      <c r="I47" s="333"/>
      <c r="J47" s="333"/>
      <c r="K47" s="334"/>
      <c r="L47" s="325" t="s">
        <v>219</v>
      </c>
      <c r="M47" s="326"/>
      <c r="N47" s="326"/>
      <c r="O47" s="326"/>
      <c r="P47" s="41" t="s">
        <v>122</v>
      </c>
      <c r="Q47" s="98" t="s">
        <v>36</v>
      </c>
      <c r="R47" s="99"/>
      <c r="S47" s="42" t="s">
        <v>122</v>
      </c>
      <c r="T47" s="98" t="s">
        <v>43</v>
      </c>
      <c r="U47" s="99"/>
      <c r="V47" s="343"/>
      <c r="W47" s="343"/>
      <c r="X47" s="326" t="s">
        <v>6</v>
      </c>
      <c r="Y47" s="326"/>
      <c r="Z47" s="326"/>
      <c r="AA47" s="326"/>
      <c r="AB47" s="326"/>
      <c r="AC47" s="326"/>
      <c r="AD47" s="326"/>
      <c r="AE47" s="326"/>
      <c r="AF47" s="326"/>
      <c r="AG47" s="326"/>
      <c r="AH47" s="326"/>
      <c r="AI47" s="326"/>
      <c r="AJ47" s="326"/>
      <c r="AK47" s="326"/>
      <c r="AL47" s="344"/>
      <c r="AM47" s="179"/>
    </row>
    <row r="48" spans="4:59" ht="30" customHeight="1" thickBot="1">
      <c r="D48" s="177"/>
      <c r="E48" s="244"/>
      <c r="F48" s="335"/>
      <c r="G48" s="336"/>
      <c r="H48" s="336"/>
      <c r="I48" s="336"/>
      <c r="J48" s="336"/>
      <c r="K48" s="337"/>
      <c r="L48" s="345" t="s">
        <v>53</v>
      </c>
      <c r="M48" s="345"/>
      <c r="N48" s="345"/>
      <c r="O48" s="345"/>
      <c r="P48" s="346">
        <v>8</v>
      </c>
      <c r="Q48" s="347"/>
      <c r="R48" s="100" t="s">
        <v>54</v>
      </c>
      <c r="S48" s="347">
        <v>0</v>
      </c>
      <c r="T48" s="347"/>
      <c r="U48" s="100" t="s">
        <v>38</v>
      </c>
      <c r="V48" s="100" t="s">
        <v>216</v>
      </c>
      <c r="W48" s="347">
        <v>17</v>
      </c>
      <c r="X48" s="347"/>
      <c r="Y48" s="100" t="s">
        <v>54</v>
      </c>
      <c r="Z48" s="347">
        <v>0</v>
      </c>
      <c r="AA48" s="347"/>
      <c r="AB48" s="100" t="s">
        <v>38</v>
      </c>
      <c r="AC48" s="101" t="s">
        <v>39</v>
      </c>
      <c r="AD48" s="101"/>
      <c r="AE48" s="101"/>
      <c r="AF48" s="309">
        <v>60</v>
      </c>
      <c r="AG48" s="309"/>
      <c r="AH48" s="101" t="s">
        <v>40</v>
      </c>
      <c r="AI48" s="101"/>
      <c r="AJ48" s="101"/>
      <c r="AK48" s="101"/>
      <c r="AL48" s="102"/>
      <c r="AM48" s="179"/>
    </row>
    <row r="49" spans="4:40" ht="25.5" customHeight="1">
      <c r="D49" s="177"/>
      <c r="E49" s="394">
        <v>7</v>
      </c>
      <c r="F49" s="396" t="s">
        <v>55</v>
      </c>
      <c r="G49" s="397"/>
      <c r="H49" s="397"/>
      <c r="I49" s="397"/>
      <c r="J49" s="397"/>
      <c r="K49" s="398"/>
      <c r="L49" s="226" t="s">
        <v>56</v>
      </c>
      <c r="M49" s="227"/>
      <c r="N49" s="228"/>
      <c r="O49" s="228"/>
      <c r="P49" s="160" t="s">
        <v>4</v>
      </c>
      <c r="Q49" s="231"/>
      <c r="R49" s="231"/>
      <c r="S49" s="161" t="s">
        <v>5</v>
      </c>
      <c r="T49" s="131"/>
      <c r="U49" s="226" t="s">
        <v>56</v>
      </c>
      <c r="V49" s="227"/>
      <c r="W49" s="409"/>
      <c r="X49" s="409"/>
      <c r="Y49" s="160" t="s">
        <v>4</v>
      </c>
      <c r="Z49" s="231"/>
      <c r="AA49" s="231"/>
      <c r="AB49" s="161" t="s">
        <v>5</v>
      </c>
      <c r="AC49" s="132"/>
      <c r="AD49" s="409" t="s">
        <v>56</v>
      </c>
      <c r="AE49" s="227"/>
      <c r="AF49" s="409"/>
      <c r="AG49" s="409"/>
      <c r="AH49" s="160" t="s">
        <v>4</v>
      </c>
      <c r="AI49" s="231"/>
      <c r="AJ49" s="231"/>
      <c r="AK49" s="161" t="s">
        <v>5</v>
      </c>
      <c r="AL49" s="132"/>
      <c r="AM49" s="179"/>
    </row>
    <row r="50" spans="4:40" ht="25.5" customHeight="1" thickBot="1">
      <c r="D50" s="177"/>
      <c r="E50" s="395"/>
      <c r="F50" s="399"/>
      <c r="G50" s="400"/>
      <c r="H50" s="400"/>
      <c r="I50" s="400"/>
      <c r="J50" s="400"/>
      <c r="K50" s="401"/>
      <c r="L50" s="229"/>
      <c r="M50" s="230"/>
      <c r="N50" s="230" t="s">
        <v>220</v>
      </c>
      <c r="O50" s="403"/>
      <c r="P50" s="404"/>
      <c r="Q50" s="405"/>
      <c r="R50" s="230" t="s">
        <v>58</v>
      </c>
      <c r="S50" s="230"/>
      <c r="T50" s="406"/>
      <c r="U50" s="229"/>
      <c r="V50" s="230"/>
      <c r="W50" s="230" t="s">
        <v>221</v>
      </c>
      <c r="X50" s="403"/>
      <c r="Y50" s="404"/>
      <c r="Z50" s="405"/>
      <c r="AA50" s="230" t="s">
        <v>58</v>
      </c>
      <c r="AB50" s="230"/>
      <c r="AC50" s="406"/>
      <c r="AD50" s="229"/>
      <c r="AE50" s="230"/>
      <c r="AF50" s="230" t="s">
        <v>220</v>
      </c>
      <c r="AG50" s="403"/>
      <c r="AH50" s="404"/>
      <c r="AI50" s="405"/>
      <c r="AJ50" s="230" t="s">
        <v>58</v>
      </c>
      <c r="AK50" s="230"/>
      <c r="AL50" s="406"/>
      <c r="AM50" s="179"/>
    </row>
    <row r="51" spans="4:40" ht="27.95" customHeight="1">
      <c r="D51" s="177"/>
      <c r="E51" s="243">
        <v>8</v>
      </c>
      <c r="F51" s="209" t="s">
        <v>59</v>
      </c>
      <c r="G51" s="210"/>
      <c r="H51" s="210"/>
      <c r="I51" s="210"/>
      <c r="J51" s="210"/>
      <c r="K51" s="211"/>
      <c r="L51" s="39" t="s">
        <v>122</v>
      </c>
      <c r="M51" s="71" t="s">
        <v>147</v>
      </c>
      <c r="N51" s="95"/>
      <c r="O51" s="40" t="s">
        <v>122</v>
      </c>
      <c r="P51" s="71" t="s">
        <v>146</v>
      </c>
      <c r="Q51" s="95"/>
      <c r="R51" s="103"/>
      <c r="S51" s="71"/>
      <c r="T51" s="103"/>
      <c r="U51" s="103"/>
      <c r="V51" s="103"/>
      <c r="W51" s="103"/>
      <c r="X51" s="103"/>
      <c r="Y51" s="103"/>
      <c r="Z51" s="103"/>
      <c r="AA51" s="103"/>
      <c r="AB51" s="103"/>
      <c r="AC51" s="103"/>
      <c r="AD51" s="103"/>
      <c r="AE51" s="103"/>
      <c r="AF51" s="103"/>
      <c r="AG51" s="103"/>
      <c r="AH51" s="103"/>
      <c r="AI51" s="103"/>
      <c r="AJ51" s="103"/>
      <c r="AK51" s="103"/>
      <c r="AL51" s="104"/>
      <c r="AM51" s="179"/>
    </row>
    <row r="52" spans="4:40" ht="30" customHeight="1" thickBot="1">
      <c r="D52" s="177"/>
      <c r="E52" s="244"/>
      <c r="F52" s="245"/>
      <c r="G52" s="246"/>
      <c r="H52" s="246"/>
      <c r="I52" s="246"/>
      <c r="J52" s="246"/>
      <c r="K52" s="247"/>
      <c r="L52" s="248" t="s">
        <v>60</v>
      </c>
      <c r="M52" s="249"/>
      <c r="N52" s="250"/>
      <c r="O52" s="250"/>
      <c r="P52" s="164" t="s">
        <v>4</v>
      </c>
      <c r="Q52" s="218"/>
      <c r="R52" s="218"/>
      <c r="S52" s="164" t="s">
        <v>5</v>
      </c>
      <c r="T52" s="218"/>
      <c r="U52" s="218"/>
      <c r="V52" s="164" t="s">
        <v>6</v>
      </c>
      <c r="W52" s="105"/>
      <c r="X52" s="251" t="s">
        <v>61</v>
      </c>
      <c r="Y52" s="251"/>
      <c r="Z52" s="105"/>
      <c r="AA52" s="250"/>
      <c r="AB52" s="250"/>
      <c r="AC52" s="164" t="s">
        <v>4</v>
      </c>
      <c r="AD52" s="218"/>
      <c r="AE52" s="218"/>
      <c r="AF52" s="164" t="s">
        <v>5</v>
      </c>
      <c r="AG52" s="218"/>
      <c r="AH52" s="218"/>
      <c r="AI52" s="164" t="s">
        <v>6</v>
      </c>
      <c r="AJ52" s="251"/>
      <c r="AK52" s="251"/>
      <c r="AL52" s="402"/>
      <c r="AM52" s="179"/>
    </row>
    <row r="53" spans="4:40" ht="27.95" customHeight="1">
      <c r="D53" s="177"/>
      <c r="E53" s="243">
        <v>9</v>
      </c>
      <c r="F53" s="209" t="s">
        <v>62</v>
      </c>
      <c r="G53" s="210"/>
      <c r="H53" s="210"/>
      <c r="I53" s="210"/>
      <c r="J53" s="210"/>
      <c r="K53" s="211"/>
      <c r="L53" s="39" t="s">
        <v>122</v>
      </c>
      <c r="M53" s="71" t="s">
        <v>147</v>
      </c>
      <c r="N53" s="95"/>
      <c r="O53" s="40" t="s">
        <v>193</v>
      </c>
      <c r="P53" s="71" t="s">
        <v>146</v>
      </c>
      <c r="Q53" s="95"/>
      <c r="R53" s="40" t="s">
        <v>122</v>
      </c>
      <c r="S53" s="71" t="s">
        <v>145</v>
      </c>
      <c r="T53" s="106"/>
      <c r="U53" s="107"/>
      <c r="V53" s="107"/>
      <c r="W53" s="107"/>
      <c r="X53" s="107"/>
      <c r="Y53" s="107"/>
      <c r="Z53" s="107"/>
      <c r="AA53" s="107"/>
      <c r="AB53" s="107"/>
      <c r="AC53" s="107"/>
      <c r="AD53" s="107"/>
      <c r="AE53" s="107"/>
      <c r="AF53" s="107"/>
      <c r="AG53" s="107"/>
      <c r="AH53" s="107"/>
      <c r="AI53" s="107"/>
      <c r="AJ53" s="107"/>
      <c r="AK53" s="107"/>
      <c r="AL53" s="108"/>
      <c r="AM53" s="179"/>
    </row>
    <row r="54" spans="4:40" ht="30" customHeight="1" thickBot="1">
      <c r="D54" s="177"/>
      <c r="E54" s="279"/>
      <c r="F54" s="219"/>
      <c r="G54" s="220"/>
      <c r="H54" s="220"/>
      <c r="I54" s="220"/>
      <c r="J54" s="220"/>
      <c r="K54" s="221"/>
      <c r="L54" s="222" t="s">
        <v>60</v>
      </c>
      <c r="M54" s="223"/>
      <c r="N54" s="224">
        <v>2023</v>
      </c>
      <c r="O54" s="225"/>
      <c r="P54" s="109" t="s">
        <v>4</v>
      </c>
      <c r="Q54" s="12">
        <v>6</v>
      </c>
      <c r="R54" s="109" t="s">
        <v>5</v>
      </c>
      <c r="S54" s="12">
        <v>1</v>
      </c>
      <c r="T54" s="109" t="s">
        <v>6</v>
      </c>
      <c r="U54" s="109" t="s">
        <v>203</v>
      </c>
      <c r="V54" s="225">
        <v>2024</v>
      </c>
      <c r="W54" s="225"/>
      <c r="X54" s="109" t="s">
        <v>4</v>
      </c>
      <c r="Y54" s="12">
        <v>3</v>
      </c>
      <c r="Z54" s="109" t="s">
        <v>5</v>
      </c>
      <c r="AA54" s="12">
        <v>31</v>
      </c>
      <c r="AB54" s="109" t="s">
        <v>6</v>
      </c>
      <c r="AC54" s="109"/>
      <c r="AD54" s="109"/>
      <c r="AE54" s="109"/>
      <c r="AF54" s="109"/>
      <c r="AG54" s="109"/>
      <c r="AH54" s="109"/>
      <c r="AI54" s="109"/>
      <c r="AJ54" s="109"/>
      <c r="AK54" s="109"/>
      <c r="AL54" s="110"/>
      <c r="AM54" s="179"/>
    </row>
    <row r="55" spans="4:40" ht="30" customHeight="1">
      <c r="D55" s="177"/>
      <c r="E55" s="374">
        <v>10</v>
      </c>
      <c r="F55" s="376" t="s">
        <v>157</v>
      </c>
      <c r="G55" s="377"/>
      <c r="H55" s="377"/>
      <c r="I55" s="377"/>
      <c r="J55" s="377"/>
      <c r="K55" s="378"/>
      <c r="L55" s="136" t="s">
        <v>122</v>
      </c>
      <c r="M55" s="137" t="s">
        <v>147</v>
      </c>
      <c r="N55" s="138"/>
      <c r="O55" s="139" t="s">
        <v>122</v>
      </c>
      <c r="P55" s="137" t="s">
        <v>146</v>
      </c>
      <c r="Q55" s="138"/>
      <c r="R55" s="139" t="s">
        <v>122</v>
      </c>
      <c r="S55" s="137" t="s">
        <v>145</v>
      </c>
      <c r="T55" s="140"/>
      <c r="U55" s="382" t="s">
        <v>63</v>
      </c>
      <c r="V55" s="383"/>
      <c r="W55" s="371"/>
      <c r="X55" s="372"/>
      <c r="Y55" s="372"/>
      <c r="Z55" s="372"/>
      <c r="AA55" s="372"/>
      <c r="AB55" s="372"/>
      <c r="AC55" s="372"/>
      <c r="AD55" s="372"/>
      <c r="AE55" s="372"/>
      <c r="AF55" s="372"/>
      <c r="AG55" s="372"/>
      <c r="AH55" s="372"/>
      <c r="AI55" s="372"/>
      <c r="AJ55" s="372"/>
      <c r="AK55" s="372"/>
      <c r="AL55" s="373"/>
      <c r="AM55" s="179"/>
    </row>
    <row r="56" spans="4:40" ht="30" customHeight="1" thickBot="1">
      <c r="D56" s="177"/>
      <c r="E56" s="375"/>
      <c r="F56" s="379"/>
      <c r="G56" s="380"/>
      <c r="H56" s="380"/>
      <c r="I56" s="380"/>
      <c r="J56" s="380"/>
      <c r="K56" s="381"/>
      <c r="L56" s="384" t="s">
        <v>60</v>
      </c>
      <c r="M56" s="385"/>
      <c r="N56" s="225"/>
      <c r="O56" s="225"/>
      <c r="P56" s="141" t="s">
        <v>4</v>
      </c>
      <c r="Q56" s="12"/>
      <c r="R56" s="141" t="s">
        <v>5</v>
      </c>
      <c r="S56" s="12"/>
      <c r="T56" s="141" t="s">
        <v>6</v>
      </c>
      <c r="U56" s="141" t="s">
        <v>222</v>
      </c>
      <c r="V56" s="225"/>
      <c r="W56" s="225"/>
      <c r="X56" s="141" t="s">
        <v>4</v>
      </c>
      <c r="Y56" s="12"/>
      <c r="Z56" s="141" t="s">
        <v>5</v>
      </c>
      <c r="AA56" s="12"/>
      <c r="AB56" s="141" t="s">
        <v>6</v>
      </c>
      <c r="AC56" s="141"/>
      <c r="AD56" s="141"/>
      <c r="AE56" s="141"/>
      <c r="AF56" s="141"/>
      <c r="AG56" s="141"/>
      <c r="AH56" s="141"/>
      <c r="AI56" s="141"/>
      <c r="AJ56" s="141"/>
      <c r="AK56" s="141"/>
      <c r="AL56" s="142"/>
      <c r="AM56" s="179"/>
    </row>
    <row r="57" spans="4:40" ht="30" customHeight="1" thickBot="1">
      <c r="D57" s="177"/>
      <c r="E57" s="198">
        <v>11</v>
      </c>
      <c r="F57" s="359" t="s">
        <v>64</v>
      </c>
      <c r="G57" s="360"/>
      <c r="H57" s="360"/>
      <c r="I57" s="360"/>
      <c r="J57" s="360"/>
      <c r="K57" s="361"/>
      <c r="L57" s="199" t="s">
        <v>122</v>
      </c>
      <c r="M57" s="200" t="s">
        <v>151</v>
      </c>
      <c r="N57" s="201"/>
      <c r="O57" s="199" t="s">
        <v>122</v>
      </c>
      <c r="P57" s="200" t="s">
        <v>152</v>
      </c>
      <c r="Q57" s="202"/>
      <c r="R57" s="203"/>
      <c r="S57" s="362"/>
      <c r="T57" s="362"/>
      <c r="U57" s="204" t="s">
        <v>4</v>
      </c>
      <c r="V57" s="362"/>
      <c r="W57" s="362"/>
      <c r="X57" s="204" t="s">
        <v>5</v>
      </c>
      <c r="Y57" s="363"/>
      <c r="Z57" s="363"/>
      <c r="AA57" s="204" t="s">
        <v>6</v>
      </c>
      <c r="AB57" s="353"/>
      <c r="AC57" s="353"/>
      <c r="AD57" s="353"/>
      <c r="AE57" s="353"/>
      <c r="AF57" s="353"/>
      <c r="AG57" s="353"/>
      <c r="AH57" s="353"/>
      <c r="AI57" s="353"/>
      <c r="AJ57" s="353"/>
      <c r="AK57" s="353"/>
      <c r="AL57" s="354"/>
      <c r="AM57" s="179"/>
    </row>
    <row r="58" spans="4:40" ht="30" customHeight="1">
      <c r="D58" s="177"/>
      <c r="E58" s="243">
        <v>12</v>
      </c>
      <c r="F58" s="209" t="s">
        <v>65</v>
      </c>
      <c r="G58" s="210"/>
      <c r="H58" s="210"/>
      <c r="I58" s="210"/>
      <c r="J58" s="210"/>
      <c r="K58" s="211"/>
      <c r="L58" s="39" t="s">
        <v>193</v>
      </c>
      <c r="M58" s="71" t="s">
        <v>147</v>
      </c>
      <c r="N58" s="95"/>
      <c r="O58" s="40" t="s">
        <v>122</v>
      </c>
      <c r="P58" s="71" t="s">
        <v>146</v>
      </c>
      <c r="Q58" s="106"/>
      <c r="R58" s="106"/>
      <c r="S58" s="106"/>
      <c r="T58" s="111"/>
      <c r="U58" s="355" t="s">
        <v>60</v>
      </c>
      <c r="V58" s="356"/>
      <c r="W58" s="357">
        <v>2024</v>
      </c>
      <c r="X58" s="358"/>
      <c r="Y58" s="112" t="s">
        <v>4</v>
      </c>
      <c r="Z58" s="3">
        <v>4</v>
      </c>
      <c r="AA58" s="112" t="s">
        <v>5</v>
      </c>
      <c r="AB58" s="3">
        <v>1</v>
      </c>
      <c r="AC58" s="112" t="s">
        <v>6</v>
      </c>
      <c r="AD58" s="112" t="s">
        <v>222</v>
      </c>
      <c r="AE58" s="358">
        <v>2024</v>
      </c>
      <c r="AF58" s="358"/>
      <c r="AG58" s="112" t="s">
        <v>4</v>
      </c>
      <c r="AH58" s="3">
        <v>12</v>
      </c>
      <c r="AI58" s="112" t="s">
        <v>5</v>
      </c>
      <c r="AJ58" s="3">
        <v>31</v>
      </c>
      <c r="AK58" s="112" t="s">
        <v>6</v>
      </c>
      <c r="AL58" s="113"/>
      <c r="AM58" s="179"/>
    </row>
    <row r="59" spans="4:40" ht="30" customHeight="1" thickBot="1">
      <c r="D59" s="177"/>
      <c r="E59" s="244"/>
      <c r="F59" s="245"/>
      <c r="G59" s="246"/>
      <c r="H59" s="246"/>
      <c r="I59" s="246"/>
      <c r="J59" s="246"/>
      <c r="K59" s="247"/>
      <c r="L59" s="345" t="s">
        <v>53</v>
      </c>
      <c r="M59" s="345"/>
      <c r="N59" s="345"/>
      <c r="O59" s="345"/>
      <c r="P59" s="346">
        <v>9</v>
      </c>
      <c r="Q59" s="347"/>
      <c r="R59" s="100" t="s">
        <v>54</v>
      </c>
      <c r="S59" s="347">
        <v>0</v>
      </c>
      <c r="T59" s="347"/>
      <c r="U59" s="100" t="s">
        <v>38</v>
      </c>
      <c r="V59" s="100" t="s">
        <v>223</v>
      </c>
      <c r="W59" s="347">
        <v>16</v>
      </c>
      <c r="X59" s="347"/>
      <c r="Y59" s="100" t="s">
        <v>54</v>
      </c>
      <c r="Z59" s="347">
        <v>0</v>
      </c>
      <c r="AA59" s="347"/>
      <c r="AB59" s="100" t="s">
        <v>38</v>
      </c>
      <c r="AC59" s="101" t="s">
        <v>39</v>
      </c>
      <c r="AD59" s="101"/>
      <c r="AE59" s="101"/>
      <c r="AF59" s="309">
        <v>60</v>
      </c>
      <c r="AG59" s="309"/>
      <c r="AH59" s="101" t="s">
        <v>40</v>
      </c>
      <c r="AI59" s="101"/>
      <c r="AJ59" s="101"/>
      <c r="AK59" s="101"/>
      <c r="AL59" s="102"/>
      <c r="AM59" s="179"/>
    </row>
    <row r="60" spans="4:40" ht="51.75" customHeight="1" thickBot="1">
      <c r="D60" s="177"/>
      <c r="E60" s="114">
        <v>13</v>
      </c>
      <c r="F60" s="364" t="s">
        <v>224</v>
      </c>
      <c r="G60" s="365"/>
      <c r="H60" s="365"/>
      <c r="I60" s="365"/>
      <c r="J60" s="365"/>
      <c r="K60" s="365"/>
      <c r="L60" s="39" t="s">
        <v>122</v>
      </c>
      <c r="M60" s="71" t="s">
        <v>148</v>
      </c>
      <c r="N60" s="40" t="s">
        <v>122</v>
      </c>
      <c r="O60" s="71" t="s">
        <v>149</v>
      </c>
      <c r="P60" s="71"/>
      <c r="Q60" s="40" t="s">
        <v>193</v>
      </c>
      <c r="R60" s="71" t="s">
        <v>150</v>
      </c>
      <c r="S60" s="71"/>
      <c r="T60" s="115"/>
      <c r="U60" s="116"/>
      <c r="V60" s="116"/>
      <c r="W60" s="116"/>
      <c r="X60" s="116"/>
      <c r="Y60" s="116"/>
      <c r="Z60" s="116"/>
      <c r="AA60" s="117"/>
      <c r="AB60" s="117"/>
      <c r="AC60" s="117"/>
      <c r="AD60" s="117"/>
      <c r="AE60" s="117"/>
      <c r="AF60" s="117"/>
      <c r="AG60" s="117"/>
      <c r="AH60" s="117"/>
      <c r="AI60" s="116"/>
      <c r="AJ60" s="118"/>
      <c r="AK60" s="118"/>
      <c r="AL60" s="119"/>
      <c r="AM60" s="179"/>
    </row>
    <row r="61" spans="4:40" ht="35.1" customHeight="1" thickBot="1">
      <c r="D61" s="177"/>
      <c r="E61" s="168">
        <v>14</v>
      </c>
      <c r="F61" s="366" t="s">
        <v>67</v>
      </c>
      <c r="G61" s="266"/>
      <c r="H61" s="266"/>
      <c r="I61" s="266"/>
      <c r="J61" s="266"/>
      <c r="K61" s="266"/>
      <c r="L61" s="367"/>
      <c r="M61" s="368"/>
      <c r="N61" s="368"/>
      <c r="O61" s="368"/>
      <c r="P61" s="368"/>
      <c r="Q61" s="368"/>
      <c r="R61" s="368"/>
      <c r="S61" s="368"/>
      <c r="T61" s="368"/>
      <c r="U61" s="368"/>
      <c r="V61" s="368"/>
      <c r="W61" s="368"/>
      <c r="X61" s="368"/>
      <c r="Y61" s="368"/>
      <c r="Z61" s="368"/>
      <c r="AA61" s="368"/>
      <c r="AB61" s="368"/>
      <c r="AC61" s="368"/>
      <c r="AD61" s="368"/>
      <c r="AE61" s="368"/>
      <c r="AF61" s="368"/>
      <c r="AG61" s="368"/>
      <c r="AH61" s="368"/>
      <c r="AI61" s="368"/>
      <c r="AJ61" s="368"/>
      <c r="AK61" s="368"/>
      <c r="AL61" s="369"/>
      <c r="AM61" s="179"/>
    </row>
    <row r="62" spans="4:40" ht="25.5" customHeight="1">
      <c r="D62" s="177"/>
      <c r="E62" s="121"/>
      <c r="F62" s="122"/>
      <c r="G62" s="123"/>
      <c r="H62" s="123"/>
      <c r="I62" s="123"/>
      <c r="J62" s="123"/>
      <c r="K62" s="123"/>
      <c r="L62" s="124"/>
      <c r="M62" s="124"/>
      <c r="N62" s="124"/>
      <c r="O62" s="124"/>
      <c r="P62" s="124"/>
      <c r="Q62" s="124"/>
      <c r="R62" s="124"/>
      <c r="S62" s="124"/>
      <c r="T62" s="124"/>
      <c r="U62" s="124"/>
      <c r="V62" s="124"/>
      <c r="W62" s="124"/>
      <c r="X62" s="124"/>
      <c r="Y62" s="124"/>
      <c r="Z62" s="124"/>
      <c r="AA62" s="124"/>
      <c r="AB62" s="124"/>
      <c r="AC62" s="124"/>
      <c r="AD62" s="124"/>
      <c r="AE62" s="124"/>
      <c r="AF62" s="125"/>
      <c r="AG62" s="126"/>
      <c r="AH62" s="126"/>
      <c r="AI62" s="126"/>
      <c r="AJ62" s="126"/>
      <c r="AK62" s="126"/>
      <c r="AL62" s="127"/>
      <c r="AM62" s="179"/>
    </row>
    <row r="63" spans="4:40" ht="25.5" customHeight="1">
      <c r="D63" s="177"/>
      <c r="E63" s="144" t="s">
        <v>68</v>
      </c>
      <c r="F63" s="134"/>
      <c r="G63" s="134"/>
      <c r="H63" s="134"/>
      <c r="I63" s="134"/>
      <c r="J63" s="134"/>
      <c r="K63" s="134"/>
      <c r="L63" s="185"/>
      <c r="M63" s="185"/>
      <c r="N63" s="185"/>
      <c r="O63" s="185"/>
      <c r="P63" s="185"/>
      <c r="Q63" s="185"/>
      <c r="R63" s="185"/>
      <c r="S63" s="185"/>
      <c r="T63" s="185"/>
      <c r="U63" s="185"/>
      <c r="V63" s="185"/>
      <c r="W63" s="185"/>
      <c r="X63" s="185"/>
      <c r="Y63" s="185"/>
      <c r="Z63" s="185"/>
      <c r="AA63" s="185"/>
      <c r="AB63" s="185"/>
      <c r="AC63" s="185"/>
      <c r="AD63" s="185"/>
      <c r="AE63" s="185"/>
      <c r="AF63" s="185"/>
      <c r="AG63" s="185"/>
      <c r="AH63" s="185"/>
      <c r="AI63" s="185"/>
      <c r="AJ63" s="185"/>
      <c r="AK63" s="185"/>
      <c r="AL63" s="146"/>
      <c r="AM63" s="179"/>
    </row>
    <row r="64" spans="4:40" s="128" customFormat="1" ht="25.5" customHeight="1">
      <c r="D64" s="186"/>
      <c r="E64" s="135" t="s">
        <v>160</v>
      </c>
      <c r="F64" s="133"/>
      <c r="G64" s="133"/>
      <c r="H64" s="133"/>
      <c r="I64" s="133"/>
      <c r="J64" s="133"/>
      <c r="K64" s="133"/>
      <c r="L64" s="187"/>
      <c r="M64" s="187"/>
      <c r="N64" s="187"/>
      <c r="O64" s="133"/>
      <c r="P64" s="133"/>
      <c r="Q64" s="133"/>
      <c r="R64" s="133"/>
      <c r="S64" s="133"/>
      <c r="T64" s="133"/>
      <c r="U64" s="188" t="s">
        <v>193</v>
      </c>
      <c r="V64" s="189" t="s">
        <v>153</v>
      </c>
      <c r="W64" s="187"/>
      <c r="X64" s="188" t="s">
        <v>122</v>
      </c>
      <c r="Y64" s="189" t="s">
        <v>154</v>
      </c>
      <c r="Z64" s="133"/>
      <c r="AA64" s="133"/>
      <c r="AB64" s="190"/>
      <c r="AC64" s="190"/>
      <c r="AD64" s="187"/>
      <c r="AE64" s="187"/>
      <c r="AF64" s="187"/>
      <c r="AG64" s="187"/>
      <c r="AH64" s="187"/>
      <c r="AI64" s="187"/>
      <c r="AJ64" s="187"/>
      <c r="AK64" s="187"/>
      <c r="AL64" s="150"/>
      <c r="AM64" s="191"/>
      <c r="AN64" s="133"/>
    </row>
    <row r="65" spans="4:40" s="128" customFormat="1" ht="25.5" customHeight="1">
      <c r="D65" s="186"/>
      <c r="E65" s="151" t="s">
        <v>161</v>
      </c>
      <c r="F65" s="152"/>
      <c r="G65" s="152"/>
      <c r="H65" s="152"/>
      <c r="I65" s="152"/>
      <c r="J65" s="152"/>
      <c r="K65" s="152"/>
      <c r="L65" s="152"/>
      <c r="M65" s="152"/>
      <c r="N65" s="152"/>
      <c r="O65" s="152"/>
      <c r="P65" s="152"/>
      <c r="Q65" s="152"/>
      <c r="R65" s="152"/>
      <c r="S65" s="152"/>
      <c r="T65" s="152"/>
      <c r="U65" s="152"/>
      <c r="V65" s="152"/>
      <c r="W65" s="152"/>
      <c r="X65" s="152"/>
      <c r="Y65" s="152"/>
      <c r="Z65" s="152"/>
      <c r="AA65" s="152"/>
      <c r="AB65" s="133"/>
      <c r="AC65" s="133"/>
      <c r="AD65" s="192" t="s">
        <v>225</v>
      </c>
      <c r="AE65" s="370">
        <v>140</v>
      </c>
      <c r="AF65" s="370"/>
      <c r="AG65" s="154" t="s">
        <v>159</v>
      </c>
      <c r="AH65" s="189"/>
      <c r="AI65" s="187"/>
      <c r="AJ65" s="187"/>
      <c r="AK65" s="133"/>
      <c r="AL65" s="143"/>
      <c r="AM65" s="193"/>
      <c r="AN65" s="133"/>
    </row>
    <row r="66" spans="4:40" ht="25.5" customHeight="1" thickBot="1">
      <c r="D66" s="177"/>
      <c r="E66" s="155"/>
      <c r="F66" s="156"/>
      <c r="G66" s="156"/>
      <c r="H66" s="156"/>
      <c r="I66" s="156"/>
      <c r="J66" s="156"/>
      <c r="K66" s="156"/>
      <c r="L66" s="157"/>
      <c r="M66" s="157"/>
      <c r="N66" s="157"/>
      <c r="O66" s="157"/>
      <c r="P66" s="157"/>
      <c r="Q66" s="157"/>
      <c r="R66" s="157"/>
      <c r="S66" s="157"/>
      <c r="T66" s="157"/>
      <c r="U66" s="157"/>
      <c r="V66" s="157"/>
      <c r="W66" s="157"/>
      <c r="X66" s="157"/>
      <c r="Y66" s="157"/>
      <c r="Z66" s="157"/>
      <c r="AA66" s="157"/>
      <c r="AB66" s="157"/>
      <c r="AC66" s="157"/>
      <c r="AD66" s="157"/>
      <c r="AE66" s="157"/>
      <c r="AF66" s="157"/>
      <c r="AG66" s="157"/>
      <c r="AH66" s="157"/>
      <c r="AI66" s="157"/>
      <c r="AJ66" s="157"/>
      <c r="AK66" s="157"/>
      <c r="AL66" s="158"/>
      <c r="AM66" s="179"/>
      <c r="AN66" s="134"/>
    </row>
    <row r="67" spans="4:40">
      <c r="D67" s="177"/>
      <c r="E67" s="352"/>
      <c r="F67" s="352"/>
      <c r="G67" s="352"/>
      <c r="H67" s="352"/>
      <c r="I67" s="352"/>
      <c r="J67" s="352"/>
      <c r="K67" s="352"/>
      <c r="L67" s="352"/>
      <c r="M67" s="352"/>
      <c r="N67" s="352"/>
      <c r="O67" s="352"/>
      <c r="P67" s="352"/>
      <c r="Q67" s="352"/>
      <c r="R67" s="352"/>
      <c r="S67" s="352"/>
      <c r="T67" s="352"/>
      <c r="U67" s="352"/>
      <c r="V67" s="352"/>
      <c r="W67" s="352"/>
      <c r="X67" s="352"/>
      <c r="Y67" s="352"/>
      <c r="Z67" s="352"/>
      <c r="AA67" s="352"/>
      <c r="AB67" s="352"/>
      <c r="AC67" s="352"/>
      <c r="AD67" s="352"/>
      <c r="AE67" s="352"/>
      <c r="AF67" s="352"/>
      <c r="AG67" s="352"/>
      <c r="AH67" s="352"/>
      <c r="AI67" s="352"/>
      <c r="AJ67" s="352"/>
      <c r="AK67" s="352"/>
      <c r="AL67" s="352"/>
      <c r="AM67" s="179"/>
    </row>
    <row r="68" spans="4:40">
      <c r="D68" s="194"/>
      <c r="E68" s="195"/>
      <c r="F68" s="195"/>
      <c r="G68" s="195"/>
      <c r="H68" s="195"/>
      <c r="I68" s="195"/>
      <c r="J68" s="195"/>
      <c r="K68" s="195"/>
      <c r="L68" s="195"/>
      <c r="M68" s="195"/>
      <c r="N68" s="195"/>
      <c r="O68" s="195"/>
      <c r="P68" s="195"/>
      <c r="Q68" s="195"/>
      <c r="R68" s="195"/>
      <c r="S68" s="195"/>
      <c r="T68" s="195"/>
      <c r="U68" s="195"/>
      <c r="V68" s="195"/>
      <c r="W68" s="195"/>
      <c r="X68" s="195"/>
      <c r="Y68" s="195"/>
      <c r="Z68" s="195"/>
      <c r="AA68" s="195"/>
      <c r="AB68" s="195"/>
      <c r="AC68" s="195"/>
      <c r="AD68" s="195"/>
      <c r="AE68" s="195"/>
      <c r="AF68" s="195"/>
      <c r="AG68" s="195"/>
      <c r="AH68" s="195"/>
      <c r="AI68" s="195"/>
      <c r="AJ68" s="195"/>
      <c r="AK68" s="195"/>
      <c r="AL68" s="195"/>
      <c r="AM68" s="196"/>
    </row>
  </sheetData>
  <sheetProtection selectLockedCells="1"/>
  <mergeCells count="204">
    <mergeCell ref="F60:K60"/>
    <mergeCell ref="F61:K61"/>
    <mergeCell ref="L61:AL61"/>
    <mergeCell ref="AE65:AF65"/>
    <mergeCell ref="E67:AL67"/>
    <mergeCell ref="L59:O59"/>
    <mergeCell ref="P59:Q59"/>
    <mergeCell ref="S59:T59"/>
    <mergeCell ref="W59:X59"/>
    <mergeCell ref="Z59:AA59"/>
    <mergeCell ref="AF59:AG59"/>
    <mergeCell ref="F57:K57"/>
    <mergeCell ref="S57:T57"/>
    <mergeCell ref="V57:W57"/>
    <mergeCell ref="Y57:Z57"/>
    <mergeCell ref="AB57:AL57"/>
    <mergeCell ref="E58:E59"/>
    <mergeCell ref="F58:K59"/>
    <mergeCell ref="U58:V58"/>
    <mergeCell ref="W58:X58"/>
    <mergeCell ref="AE58:AF58"/>
    <mergeCell ref="E49:E50"/>
    <mergeCell ref="F49:K50"/>
    <mergeCell ref="E55:E56"/>
    <mergeCell ref="F55:K56"/>
    <mergeCell ref="U55:V55"/>
    <mergeCell ref="W55:AL55"/>
    <mergeCell ref="L56:M56"/>
    <mergeCell ref="N56:O56"/>
    <mergeCell ref="V56:W56"/>
    <mergeCell ref="AG52:AH52"/>
    <mergeCell ref="AJ52:AL52"/>
    <mergeCell ref="E53:E54"/>
    <mergeCell ref="F53:K54"/>
    <mergeCell ref="L54:M54"/>
    <mergeCell ref="N54:O54"/>
    <mergeCell ref="V54:W54"/>
    <mergeCell ref="E51:E52"/>
    <mergeCell ref="F51:K52"/>
    <mergeCell ref="L52:M52"/>
    <mergeCell ref="N52:O52"/>
    <mergeCell ref="Q52:R52"/>
    <mergeCell ref="T52:U52"/>
    <mergeCell ref="X52:Y52"/>
    <mergeCell ref="AA52:AB52"/>
    <mergeCell ref="AD52:AE52"/>
    <mergeCell ref="AI49:AJ49"/>
    <mergeCell ref="L50:M50"/>
    <mergeCell ref="N50:O50"/>
    <mergeCell ref="P50:Q50"/>
    <mergeCell ref="R50:T50"/>
    <mergeCell ref="U50:V50"/>
    <mergeCell ref="L49:M49"/>
    <mergeCell ref="N49:O49"/>
    <mergeCell ref="Q49:R49"/>
    <mergeCell ref="U49:V49"/>
    <mergeCell ref="AJ50:AL50"/>
    <mergeCell ref="W50:X50"/>
    <mergeCell ref="Y50:Z50"/>
    <mergeCell ref="AA50:AC50"/>
    <mergeCell ref="AD50:AE50"/>
    <mergeCell ref="AF50:AG50"/>
    <mergeCell ref="AH50:AI50"/>
    <mergeCell ref="L48:O48"/>
    <mergeCell ref="P48:Q48"/>
    <mergeCell ref="S48:T48"/>
    <mergeCell ref="W48:X48"/>
    <mergeCell ref="Z48:AA48"/>
    <mergeCell ref="W49:X49"/>
    <mergeCell ref="Z49:AA49"/>
    <mergeCell ref="AD49:AE49"/>
    <mergeCell ref="AF49:AG49"/>
    <mergeCell ref="Q44:R44"/>
    <mergeCell ref="W44:X44"/>
    <mergeCell ref="Z44:AA44"/>
    <mergeCell ref="AF44:AG44"/>
    <mergeCell ref="AI46:AL46"/>
    <mergeCell ref="L47:O47"/>
    <mergeCell ref="V47:W47"/>
    <mergeCell ref="X47:Y47"/>
    <mergeCell ref="Z47:AL47"/>
    <mergeCell ref="L43:M43"/>
    <mergeCell ref="N43:O43"/>
    <mergeCell ref="Q43:R43"/>
    <mergeCell ref="W43:X43"/>
    <mergeCell ref="Z43:AA43"/>
    <mergeCell ref="AF43:AG43"/>
    <mergeCell ref="AI43:AL43"/>
    <mergeCell ref="F46:K48"/>
    <mergeCell ref="L46:O46"/>
    <mergeCell ref="V46:W46"/>
    <mergeCell ref="X46:Y46"/>
    <mergeCell ref="Z46:AA46"/>
    <mergeCell ref="AF46:AG46"/>
    <mergeCell ref="AF48:AG48"/>
    <mergeCell ref="AI44:AL44"/>
    <mergeCell ref="L45:M45"/>
    <mergeCell ref="N45:O45"/>
    <mergeCell ref="Q45:R45"/>
    <mergeCell ref="W45:X45"/>
    <mergeCell ref="Z45:AA45"/>
    <mergeCell ref="AF45:AG45"/>
    <mergeCell ref="AI45:AL45"/>
    <mergeCell ref="L44:M44"/>
    <mergeCell ref="N44:O44"/>
    <mergeCell ref="AG40:AI41"/>
    <mergeCell ref="AJ40:AK41"/>
    <mergeCell ref="AL40:AL41"/>
    <mergeCell ref="P37:AL37"/>
    <mergeCell ref="E38:E39"/>
    <mergeCell ref="F38:K39"/>
    <mergeCell ref="AG39:AK39"/>
    <mergeCell ref="E40:E48"/>
    <mergeCell ref="F40:K45"/>
    <mergeCell ref="S40:U40"/>
    <mergeCell ref="V40:W41"/>
    <mergeCell ref="X40:Y41"/>
    <mergeCell ref="Z40:AA41"/>
    <mergeCell ref="S41:U41"/>
    <mergeCell ref="L42:Q42"/>
    <mergeCell ref="R42:S42"/>
    <mergeCell ref="T42:V42"/>
    <mergeCell ref="X42:AC42"/>
    <mergeCell ref="AD42:AE42"/>
    <mergeCell ref="AB40:AC41"/>
    <mergeCell ref="AD40:AE41"/>
    <mergeCell ref="AF40:AF41"/>
    <mergeCell ref="AF42:AH42"/>
    <mergeCell ref="AJ42:AL42"/>
    <mergeCell ref="AF34:AG34"/>
    <mergeCell ref="F35:K35"/>
    <mergeCell ref="P35:V35"/>
    <mergeCell ref="W35:X35"/>
    <mergeCell ref="AE35:AF35"/>
    <mergeCell ref="E36:E37"/>
    <mergeCell ref="F36:K37"/>
    <mergeCell ref="L36:O36"/>
    <mergeCell ref="P36:AL36"/>
    <mergeCell ref="L37:O37"/>
    <mergeCell ref="E33:E34"/>
    <mergeCell ref="F33:K33"/>
    <mergeCell ref="L33:AC33"/>
    <mergeCell ref="F34:K34"/>
    <mergeCell ref="L34:AC34"/>
    <mergeCell ref="AD34:AE34"/>
    <mergeCell ref="AF24:AH24"/>
    <mergeCell ref="AJ24:AL24"/>
    <mergeCell ref="Y25:AL25"/>
    <mergeCell ref="F28:K28"/>
    <mergeCell ref="L28:AL28"/>
    <mergeCell ref="E29:E32"/>
    <mergeCell ref="F29:K32"/>
    <mergeCell ref="AC32:AI32"/>
    <mergeCell ref="E24:H24"/>
    <mergeCell ref="I24:J24"/>
    <mergeCell ref="L24:N24"/>
    <mergeCell ref="P24:R24"/>
    <mergeCell ref="Y24:AB24"/>
    <mergeCell ref="AC24:AD24"/>
    <mergeCell ref="E23:H23"/>
    <mergeCell ref="I23:R23"/>
    <mergeCell ref="Y23:AB23"/>
    <mergeCell ref="AC23:AL23"/>
    <mergeCell ref="AC20:AL20"/>
    <mergeCell ref="E21:R21"/>
    <mergeCell ref="Y21:AB21"/>
    <mergeCell ref="AC21:AL21"/>
    <mergeCell ref="E22:G22"/>
    <mergeCell ref="H22:I22"/>
    <mergeCell ref="J22:K22"/>
    <mergeCell ref="M22:N22"/>
    <mergeCell ref="P22:Q22"/>
    <mergeCell ref="Y22:AA22"/>
    <mergeCell ref="E18:X20"/>
    <mergeCell ref="AB18:AC18"/>
    <mergeCell ref="AD18:AE18"/>
    <mergeCell ref="AG18:AH18"/>
    <mergeCell ref="AJ18:AK18"/>
    <mergeCell ref="Y19:AB19"/>
    <mergeCell ref="AC19:AL19"/>
    <mergeCell ref="Y20:AB20"/>
    <mergeCell ref="AC22:AD22"/>
    <mergeCell ref="AF22:AH22"/>
    <mergeCell ref="AJ22:AL22"/>
    <mergeCell ref="E16:AK16"/>
    <mergeCell ref="C8:H8"/>
    <mergeCell ref="I8:AS8"/>
    <mergeCell ref="C9:H9"/>
    <mergeCell ref="I9:AS9"/>
    <mergeCell ref="C10:H10"/>
    <mergeCell ref="I10:AS10"/>
    <mergeCell ref="E17:L17"/>
    <mergeCell ref="N17:AL17"/>
    <mergeCell ref="B1:D4"/>
    <mergeCell ref="H1:AR4"/>
    <mergeCell ref="C6:H6"/>
    <mergeCell ref="I6:AS6"/>
    <mergeCell ref="C7:H7"/>
    <mergeCell ref="I7:AS7"/>
    <mergeCell ref="C11:H11"/>
    <mergeCell ref="I11:AS11"/>
    <mergeCell ref="C12:H13"/>
    <mergeCell ref="I12:AS12"/>
    <mergeCell ref="I13:AS13"/>
  </mergeCells>
  <phoneticPr fontId="2"/>
  <dataValidations count="8">
    <dataValidation type="list" allowBlank="1" showInputMessage="1" showErrorMessage="1" sqref="L29:L32 P29:P30 T29:T31 Z29:Z32 AC29 AF29:AF30 AG31 V32 Q32 L35 N35 L41:U41 L38:L39 O38:O39 T38:T39 W38 Z38:Z39 AE38 AJ38 X39 AD39:AD40 P46:P47 S46:S47 R53 L53 O55 R55 L55 O53 O51 L50:L51 O57:O58 Y57:Z57 N60 L60 Q60 U64 X64 W58:X59 W48:X49 AF34:AG34 AD18:AE18 N52:O52 AA52:AB52 AE58:AF58 N54:O54 S57:T57 V54:W54 N56:O56 V56:W57 N49:O49 AF49:AG49 W35:X35 P48:Q48 N43:O45 W43:X45 AF42:AH42 Q43:R45 P59:V59 Y59:AA59 Z48:AA49 Z43:AA46 S48:V48 AE35:AF35 AD52:AE52 Z35 AH35 Q52:R52 Q56 AI34 AI49:AJ49 AG18:AH18 AH58 Q49:R49 Y54 Q54 Z58 Y56 AB35 T52:U52 AA56 AK34 S56 AB58 AA54 AJ18:AK18 AJ35 AG52:AH52 T42:V42 U50 AD50 AJ58 S54 L57:L58">
      <formula1>#REF!</formula1>
    </dataValidation>
    <dataValidation type="list" imeMode="halfAlpha" allowBlank="1" showInputMessage="1" showErrorMessage="1" sqref="V47:W47">
      <formula1>#REF!</formula1>
    </dataValidation>
    <dataValidation imeMode="hiragana" allowBlank="1" showInputMessage="1" showErrorMessage="1" sqref="AC19:AL21 AC23:AL23 L34:AC34 P36:AL37 W55:AL55 L61:AL61"/>
    <dataValidation imeMode="fullKatakana" allowBlank="1" showInputMessage="1" showErrorMessage="1" sqref="L33:AC33"/>
    <dataValidation operator="greaterThanOrEqual" allowBlank="1" showInputMessage="1" showErrorMessage="1" sqref="AC22:AD22"/>
    <dataValidation type="whole" operator="lessThanOrEqual" allowBlank="1" showInputMessage="1" showErrorMessage="1" sqref="Y50:Z50 AH50:AI50 P50:Q50">
      <formula1>744</formula1>
    </dataValidation>
    <dataValidation imeMode="halfAlpha" allowBlank="1" showInputMessage="1" showErrorMessage="1" sqref="U47 R47"/>
    <dataValidation type="list" allowBlank="1" showInputMessage="1" showErrorMessage="1" sqref="AD58:AD59 AE59 AD48:AE48">
      <formula1>"01,02,03,04,05,06,07,08,09,10,11,12,13,14,15,16,17,18,19,20,21,22,23,24,25,26,27,28,29,30,31"</formula1>
    </dataValidation>
  </dataValidations>
  <hyperlinks>
    <hyperlink ref="F29:K32" location="記入要綱!A1" display="業種"/>
  </hyperlinks>
  <printOptions horizontalCentered="1" verticalCentered="1"/>
  <pageMargins left="0.11811023622047245" right="0.11811023622047245" top="0.55118110236220474" bottom="0.55118110236220474" header="0.11811023622047245" footer="0.11811023622047245"/>
  <pageSetup paperSize="9" scale="35" orientation="portrait" r:id="rId1"/>
  <headerFooter>
    <oddHeader>&amp;R&amp;20R5.10月版</oddHeader>
  </headerFooter>
  <drawing r:id="rId2"/>
  <legacyDrawing r:id="rId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44"/>
  <sheetViews>
    <sheetView view="pageBreakPreview" zoomScaleNormal="100" zoomScaleSheetLayoutView="100" workbookViewId="0">
      <selection activeCell="F33" sqref="F33"/>
    </sheetView>
  </sheetViews>
  <sheetFormatPr defaultColWidth="8.75" defaultRowHeight="12"/>
  <cols>
    <col min="1" max="1" width="2.625" style="14" customWidth="1"/>
    <col min="2" max="2" width="19.625" style="14" customWidth="1"/>
    <col min="3" max="3" width="4.625" style="14" customWidth="1"/>
    <col min="4" max="4" width="18.625" style="14" customWidth="1"/>
    <col min="5" max="5" width="63.375" style="14" customWidth="1"/>
    <col min="6" max="16384" width="8.75" style="14"/>
  </cols>
  <sheetData>
    <row r="1" spans="1:5" ht="17.25">
      <c r="A1" s="13" t="s">
        <v>77</v>
      </c>
      <c r="B1" s="432" t="s">
        <v>226</v>
      </c>
      <c r="C1" s="432"/>
      <c r="D1" s="432"/>
      <c r="E1" s="432"/>
    </row>
    <row r="2" spans="1:5">
      <c r="A2" s="15"/>
      <c r="B2" s="15"/>
      <c r="C2" s="15"/>
      <c r="D2" s="15"/>
      <c r="E2" s="15"/>
    </row>
    <row r="3" spans="1:5">
      <c r="A3" s="16" t="s">
        <v>78</v>
      </c>
      <c r="B3" s="17"/>
      <c r="C3" s="16"/>
      <c r="D3" s="16"/>
      <c r="E3" s="17"/>
    </row>
    <row r="4" spans="1:5">
      <c r="B4" s="18"/>
      <c r="C4" s="18"/>
      <c r="D4" s="18"/>
    </row>
    <row r="5" spans="1:5" ht="35.1" customHeight="1">
      <c r="B5" s="19" t="s">
        <v>227</v>
      </c>
      <c r="C5" s="20"/>
      <c r="D5" s="21"/>
      <c r="E5" s="22" t="s">
        <v>79</v>
      </c>
    </row>
    <row r="6" spans="1:5" ht="50.1" customHeight="1">
      <c r="B6" s="19" t="s">
        <v>80</v>
      </c>
      <c r="C6" s="20"/>
      <c r="D6" s="21"/>
      <c r="E6" s="22" t="s">
        <v>228</v>
      </c>
    </row>
    <row r="7" spans="1:5" ht="69.95" customHeight="1">
      <c r="B7" s="22" t="s">
        <v>8</v>
      </c>
      <c r="C7" s="20"/>
      <c r="D7" s="21"/>
      <c r="E7" s="22" t="s">
        <v>229</v>
      </c>
    </row>
    <row r="8" spans="1:5" ht="50.1" customHeight="1">
      <c r="B8" s="22" t="s">
        <v>9</v>
      </c>
      <c r="C8" s="20"/>
      <c r="D8" s="21"/>
      <c r="E8" s="22" t="s">
        <v>230</v>
      </c>
    </row>
    <row r="9" spans="1:5" ht="20.100000000000001" customHeight="1">
      <c r="B9" s="22" t="s">
        <v>231</v>
      </c>
      <c r="C9" s="23"/>
      <c r="D9" s="21"/>
      <c r="E9" s="22" t="s">
        <v>81</v>
      </c>
    </row>
    <row r="10" spans="1:5" ht="35.1" customHeight="1">
      <c r="B10" s="22" t="s">
        <v>82</v>
      </c>
      <c r="C10" s="20"/>
      <c r="D10" s="21"/>
      <c r="E10" s="22" t="s">
        <v>83</v>
      </c>
    </row>
    <row r="11" spans="1:5">
      <c r="B11" s="24"/>
    </row>
    <row r="12" spans="1:5">
      <c r="A12" s="16" t="s">
        <v>84</v>
      </c>
      <c r="B12" s="17"/>
      <c r="C12" s="17"/>
      <c r="D12" s="17"/>
      <c r="E12" s="17"/>
    </row>
    <row r="13" spans="1:5">
      <c r="A13" s="18"/>
    </row>
    <row r="14" spans="1:5" ht="50.1" customHeight="1">
      <c r="A14" s="18"/>
      <c r="B14" s="25" t="s">
        <v>232</v>
      </c>
      <c r="C14" s="431" t="s">
        <v>19</v>
      </c>
      <c r="D14" s="431"/>
      <c r="E14" s="171" t="s">
        <v>233</v>
      </c>
    </row>
    <row r="15" spans="1:5">
      <c r="B15" s="24"/>
    </row>
    <row r="16" spans="1:5">
      <c r="A16" s="16" t="s">
        <v>85</v>
      </c>
      <c r="B16" s="17"/>
      <c r="C16" s="17"/>
      <c r="D16" s="17"/>
      <c r="E16" s="17"/>
    </row>
    <row r="17" spans="1:5">
      <c r="A17" s="18"/>
    </row>
    <row r="18" spans="1:5" ht="20.100000000000001" customHeight="1">
      <c r="A18" s="18"/>
      <c r="B18" s="433" t="s">
        <v>234</v>
      </c>
      <c r="C18" s="435" t="s">
        <v>86</v>
      </c>
      <c r="D18" s="435"/>
      <c r="E18" s="171" t="s">
        <v>87</v>
      </c>
    </row>
    <row r="19" spans="1:5" ht="35.1" customHeight="1">
      <c r="B19" s="434"/>
      <c r="C19" s="435" t="s">
        <v>88</v>
      </c>
      <c r="D19" s="435"/>
      <c r="E19" s="171" t="s">
        <v>235</v>
      </c>
    </row>
    <row r="21" spans="1:5">
      <c r="A21" s="16" t="s">
        <v>89</v>
      </c>
      <c r="B21" s="17"/>
      <c r="C21" s="17"/>
      <c r="D21" s="17"/>
      <c r="E21" s="17"/>
    </row>
    <row r="23" spans="1:5" ht="105" customHeight="1">
      <c r="B23" s="171" t="s">
        <v>236</v>
      </c>
      <c r="C23" s="431" t="s">
        <v>237</v>
      </c>
      <c r="D23" s="431"/>
      <c r="E23" s="171" t="s">
        <v>238</v>
      </c>
    </row>
    <row r="24" spans="1:5" ht="35.1" customHeight="1">
      <c r="B24" s="436" t="s">
        <v>239</v>
      </c>
      <c r="C24" s="438" t="s">
        <v>29</v>
      </c>
      <c r="D24" s="439"/>
      <c r="E24" s="197" t="s">
        <v>240</v>
      </c>
    </row>
    <row r="25" spans="1:5" ht="105" customHeight="1">
      <c r="B25" s="437"/>
      <c r="C25" s="440"/>
      <c r="D25" s="441"/>
      <c r="E25" s="26" t="s">
        <v>241</v>
      </c>
    </row>
    <row r="26" spans="1:5" ht="160.5" customHeight="1">
      <c r="B26" s="171" t="s">
        <v>242</v>
      </c>
      <c r="C26" s="442" t="s">
        <v>243</v>
      </c>
      <c r="D26" s="442"/>
      <c r="E26" s="171" t="s">
        <v>244</v>
      </c>
    </row>
    <row r="27" spans="1:5" ht="409.5" customHeight="1">
      <c r="B27" s="443" t="s">
        <v>245</v>
      </c>
      <c r="C27" s="442" t="s">
        <v>246</v>
      </c>
      <c r="D27" s="431"/>
      <c r="E27" s="171" t="s">
        <v>247</v>
      </c>
    </row>
    <row r="28" spans="1:5" ht="409.5" customHeight="1">
      <c r="B28" s="444"/>
      <c r="C28" s="442" t="s">
        <v>248</v>
      </c>
      <c r="D28" s="431"/>
      <c r="E28" s="171" t="s">
        <v>249</v>
      </c>
    </row>
    <row r="29" spans="1:5" ht="69.75" customHeight="1">
      <c r="B29" s="171" t="s">
        <v>250</v>
      </c>
      <c r="C29" s="448" t="s">
        <v>90</v>
      </c>
      <c r="D29" s="449"/>
      <c r="E29" s="171" t="s">
        <v>251</v>
      </c>
    </row>
    <row r="30" spans="1:5" ht="105" customHeight="1">
      <c r="B30" s="171" t="s">
        <v>252</v>
      </c>
      <c r="C30" s="442" t="s">
        <v>91</v>
      </c>
      <c r="D30" s="442"/>
      <c r="E30" s="171" t="s">
        <v>253</v>
      </c>
    </row>
    <row r="31" spans="1:5" ht="170.1" customHeight="1">
      <c r="B31" s="171" t="s">
        <v>254</v>
      </c>
      <c r="C31" s="442" t="s">
        <v>92</v>
      </c>
      <c r="D31" s="442"/>
      <c r="E31" s="171" t="s">
        <v>255</v>
      </c>
    </row>
    <row r="32" spans="1:5" ht="150" customHeight="1">
      <c r="B32" s="171" t="s">
        <v>256</v>
      </c>
      <c r="C32" s="450" t="s">
        <v>93</v>
      </c>
      <c r="D32" s="451"/>
      <c r="E32" s="22" t="s">
        <v>257</v>
      </c>
    </row>
    <row r="33" spans="1:5" ht="105" customHeight="1">
      <c r="B33" s="171" t="s">
        <v>258</v>
      </c>
      <c r="C33" s="431" t="s">
        <v>259</v>
      </c>
      <c r="D33" s="431"/>
      <c r="E33" s="207" t="s">
        <v>251</v>
      </c>
    </row>
    <row r="34" spans="1:5" ht="150" customHeight="1">
      <c r="B34" s="171" t="s">
        <v>260</v>
      </c>
      <c r="C34" s="450" t="s">
        <v>95</v>
      </c>
      <c r="D34" s="451"/>
      <c r="E34" s="27" t="s">
        <v>261</v>
      </c>
    </row>
    <row r="35" spans="1:5">
      <c r="B35" s="24"/>
      <c r="E35" s="24"/>
    </row>
    <row r="36" spans="1:5">
      <c r="A36" s="16" t="s">
        <v>96</v>
      </c>
      <c r="B36" s="28"/>
      <c r="C36" s="17"/>
      <c r="D36" s="17"/>
      <c r="E36" s="28"/>
    </row>
    <row r="37" spans="1:5">
      <c r="B37" s="24"/>
      <c r="E37" s="24"/>
    </row>
    <row r="38" spans="1:5" ht="69.95" customHeight="1">
      <c r="B38" s="171" t="s">
        <v>262</v>
      </c>
      <c r="C38" s="442" t="s">
        <v>97</v>
      </c>
      <c r="D38" s="431"/>
      <c r="E38" s="171" t="s">
        <v>263</v>
      </c>
    </row>
    <row r="39" spans="1:5" ht="159.94999999999999" customHeight="1">
      <c r="B39" s="171" t="s">
        <v>264</v>
      </c>
      <c r="C39" s="442" t="s">
        <v>67</v>
      </c>
      <c r="D39" s="431"/>
      <c r="E39" s="171" t="s">
        <v>265</v>
      </c>
    </row>
    <row r="40" spans="1:5">
      <c r="B40" s="24"/>
      <c r="E40" s="29"/>
    </row>
    <row r="41" spans="1:5">
      <c r="B41" s="24"/>
      <c r="E41" s="24"/>
    </row>
    <row r="42" spans="1:5">
      <c r="A42" s="16" t="s">
        <v>99</v>
      </c>
      <c r="B42" s="28"/>
      <c r="C42" s="17"/>
      <c r="D42" s="28"/>
      <c r="E42" s="28"/>
    </row>
    <row r="43" spans="1:5">
      <c r="B43" s="24"/>
      <c r="D43" s="24"/>
      <c r="E43" s="24"/>
    </row>
    <row r="44" spans="1:5" ht="112.5" customHeight="1">
      <c r="B44" s="445" t="s">
        <v>266</v>
      </c>
      <c r="C44" s="446"/>
      <c r="D44" s="446"/>
      <c r="E44" s="447"/>
    </row>
  </sheetData>
  <sheetProtection selectLockedCells="1"/>
  <mergeCells count="21">
    <mergeCell ref="C38:D38"/>
    <mergeCell ref="C39:D39"/>
    <mergeCell ref="B44:E44"/>
    <mergeCell ref="C29:D29"/>
    <mergeCell ref="C30:D30"/>
    <mergeCell ref="C31:D31"/>
    <mergeCell ref="C32:D32"/>
    <mergeCell ref="C33:D33"/>
    <mergeCell ref="C34:D34"/>
    <mergeCell ref="B24:B25"/>
    <mergeCell ref="C24:D25"/>
    <mergeCell ref="C26:D26"/>
    <mergeCell ref="B27:B28"/>
    <mergeCell ref="C27:D27"/>
    <mergeCell ref="C28:D28"/>
    <mergeCell ref="C23:D23"/>
    <mergeCell ref="B1:E1"/>
    <mergeCell ref="C14:D14"/>
    <mergeCell ref="B18:B19"/>
    <mergeCell ref="C18:D18"/>
    <mergeCell ref="C19:D19"/>
  </mergeCells>
  <phoneticPr fontId="2"/>
  <hyperlinks>
    <hyperlink ref="A1" location="簡易様式!A1" display="戻"/>
  </hyperlinks>
  <pageMargins left="0.70866141732283472" right="0.70866141732283472" top="0.74803149606299213" bottom="0.74803149606299213" header="0.31496062992125984" footer="0.31496062992125984"/>
  <pageSetup paperSize="9" scale="80" orientation="portrait" r:id="rId1"/>
  <headerFooter>
    <oddHeader>&amp;R&amp;8R5.10月版</oddHead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A1:M123"/>
  <sheetViews>
    <sheetView view="pageBreakPreview" topLeftCell="A4" zoomScaleNormal="100" zoomScaleSheetLayoutView="100" workbookViewId="0">
      <selection activeCell="C4" sqref="C4"/>
    </sheetView>
  </sheetViews>
  <sheetFormatPr defaultRowHeight="13.5"/>
  <cols>
    <col min="1" max="1" width="21.625" customWidth="1"/>
    <col min="2" max="2" width="30.125" customWidth="1"/>
    <col min="3" max="3" width="8.625" customWidth="1"/>
    <col min="4" max="4" width="9.25" bestFit="1" customWidth="1"/>
    <col min="5" max="5" width="10.25" bestFit="1" customWidth="1"/>
    <col min="6" max="6" width="10.25" customWidth="1"/>
    <col min="13" max="13" width="15.75" bestFit="1" customWidth="1"/>
  </cols>
  <sheetData>
    <row r="1" spans="1:13">
      <c r="A1" t="s">
        <v>69</v>
      </c>
      <c r="B1" t="s">
        <v>70</v>
      </c>
      <c r="C1" t="s">
        <v>4</v>
      </c>
      <c r="D1" s="1" t="s">
        <v>71</v>
      </c>
      <c r="E1" t="s">
        <v>72</v>
      </c>
      <c r="F1" t="s">
        <v>73</v>
      </c>
      <c r="G1" t="s">
        <v>74</v>
      </c>
      <c r="H1" t="s">
        <v>75</v>
      </c>
      <c r="I1" t="s">
        <v>45</v>
      </c>
      <c r="J1" t="s">
        <v>38</v>
      </c>
      <c r="K1" t="s">
        <v>38</v>
      </c>
      <c r="L1" t="s">
        <v>76</v>
      </c>
      <c r="M1" s="10" t="s">
        <v>121</v>
      </c>
    </row>
    <row r="2" spans="1:13" ht="18.75" customHeight="1">
      <c r="A2" s="1"/>
      <c r="B2" s="5"/>
      <c r="C2" s="7">
        <f ca="1">YEAR(TODAY())</f>
        <v>2024</v>
      </c>
      <c r="D2" s="7">
        <f ca="1">YEAR(TODAY())</f>
        <v>2024</v>
      </c>
      <c r="E2" s="7">
        <f ca="1">YEAR(TODAY())</f>
        <v>2024</v>
      </c>
      <c r="F2" s="7">
        <f ca="1">F3+1</f>
        <v>2026</v>
      </c>
      <c r="G2" s="8">
        <v>1</v>
      </c>
      <c r="H2" s="8">
        <v>1</v>
      </c>
      <c r="I2" s="8">
        <v>0</v>
      </c>
      <c r="J2" s="9">
        <v>1</v>
      </c>
      <c r="K2" s="9">
        <v>0</v>
      </c>
      <c r="L2" s="30">
        <v>15</v>
      </c>
      <c r="M2" s="10" t="s">
        <v>123</v>
      </c>
    </row>
    <row r="3" spans="1:13" ht="18.75" customHeight="1">
      <c r="A3" s="1"/>
      <c r="B3" s="5"/>
      <c r="C3" s="7">
        <f ca="1">C2+1</f>
        <v>2025</v>
      </c>
      <c r="D3" s="7">
        <f ca="1">D2-1</f>
        <v>2023</v>
      </c>
      <c r="E3" s="7">
        <f ca="1">E2-1</f>
        <v>2023</v>
      </c>
      <c r="F3" s="7">
        <f ca="1">F4+1</f>
        <v>2025</v>
      </c>
      <c r="G3" s="8">
        <v>2</v>
      </c>
      <c r="H3" s="8">
        <v>2</v>
      </c>
      <c r="I3" s="8">
        <v>1</v>
      </c>
      <c r="J3" s="9">
        <v>2</v>
      </c>
      <c r="K3" s="9">
        <v>1</v>
      </c>
      <c r="L3" s="30">
        <v>30</v>
      </c>
      <c r="M3" s="10" t="s">
        <v>124</v>
      </c>
    </row>
    <row r="4" spans="1:13" ht="18.75" customHeight="1">
      <c r="A4" s="1"/>
      <c r="B4" s="5"/>
      <c r="C4" s="7">
        <f t="shared" ref="C4:C31" ca="1" si="0">C3+1</f>
        <v>2026</v>
      </c>
      <c r="D4" s="7">
        <f ca="1">D3-1</f>
        <v>2022</v>
      </c>
      <c r="E4" s="7">
        <f t="shared" ref="E4:E67" ca="1" si="1">E3-1</f>
        <v>2022</v>
      </c>
      <c r="F4" s="7">
        <f ca="1">YEAR(TODAY())</f>
        <v>2024</v>
      </c>
      <c r="G4" s="8">
        <v>3</v>
      </c>
      <c r="H4" s="8">
        <v>3</v>
      </c>
      <c r="I4" s="8">
        <v>2</v>
      </c>
      <c r="J4" s="9">
        <v>3</v>
      </c>
      <c r="K4" s="9">
        <v>2</v>
      </c>
      <c r="L4" s="10">
        <v>45</v>
      </c>
    </row>
    <row r="5" spans="1:13" ht="18.75" customHeight="1">
      <c r="A5" s="1"/>
      <c r="B5" s="5"/>
      <c r="C5" s="7">
        <f t="shared" ca="1" si="0"/>
        <v>2027</v>
      </c>
      <c r="D5" s="7">
        <f t="shared" ref="D5:D20" ca="1" si="2">D4-1</f>
        <v>2021</v>
      </c>
      <c r="E5" s="7">
        <f t="shared" ca="1" si="1"/>
        <v>2021</v>
      </c>
      <c r="F5" s="7">
        <f ca="1">F4-1</f>
        <v>2023</v>
      </c>
      <c r="G5" s="8">
        <v>4</v>
      </c>
      <c r="H5" s="8">
        <v>4</v>
      </c>
      <c r="I5" s="8">
        <v>3</v>
      </c>
      <c r="J5" s="9">
        <v>4</v>
      </c>
      <c r="K5" s="9">
        <v>3</v>
      </c>
      <c r="L5" s="10">
        <v>60</v>
      </c>
    </row>
    <row r="6" spans="1:13" ht="18.75" customHeight="1">
      <c r="A6" s="1"/>
      <c r="B6" s="5"/>
      <c r="C6" s="7">
        <f t="shared" ca="1" si="0"/>
        <v>2028</v>
      </c>
      <c r="D6" s="7">
        <f t="shared" ca="1" si="2"/>
        <v>2020</v>
      </c>
      <c r="E6" s="7">
        <f t="shared" ca="1" si="1"/>
        <v>2020</v>
      </c>
      <c r="F6" s="7">
        <f t="shared" ref="F6:F55" ca="1" si="3">F5-1</f>
        <v>2022</v>
      </c>
      <c r="G6" s="8">
        <v>5</v>
      </c>
      <c r="H6" s="8">
        <v>5</v>
      </c>
      <c r="I6" s="8">
        <v>4</v>
      </c>
      <c r="J6" s="9">
        <v>5</v>
      </c>
      <c r="K6" s="9">
        <v>4</v>
      </c>
      <c r="L6" s="10">
        <v>75</v>
      </c>
    </row>
    <row r="7" spans="1:13" ht="18.75" customHeight="1">
      <c r="A7" s="1"/>
      <c r="B7" s="5"/>
      <c r="C7" s="7">
        <f t="shared" ca="1" si="0"/>
        <v>2029</v>
      </c>
      <c r="D7" s="7">
        <f t="shared" ca="1" si="2"/>
        <v>2019</v>
      </c>
      <c r="E7" s="7">
        <f t="shared" ca="1" si="1"/>
        <v>2019</v>
      </c>
      <c r="F7" s="7">
        <f t="shared" ca="1" si="3"/>
        <v>2021</v>
      </c>
      <c r="G7" s="8">
        <v>6</v>
      </c>
      <c r="H7" s="8">
        <v>6</v>
      </c>
      <c r="I7" s="8">
        <v>5</v>
      </c>
      <c r="J7" s="9">
        <v>6</v>
      </c>
      <c r="K7" s="9">
        <v>5</v>
      </c>
      <c r="L7" s="10">
        <v>90</v>
      </c>
    </row>
    <row r="8" spans="1:13" ht="18.75" customHeight="1">
      <c r="A8" s="1"/>
      <c r="B8" s="6"/>
      <c r="C8" s="7">
        <f t="shared" ca="1" si="0"/>
        <v>2030</v>
      </c>
      <c r="D8" s="7">
        <f t="shared" ca="1" si="2"/>
        <v>2018</v>
      </c>
      <c r="E8" s="7">
        <f t="shared" ca="1" si="1"/>
        <v>2018</v>
      </c>
      <c r="F8" s="7">
        <f t="shared" ca="1" si="3"/>
        <v>2020</v>
      </c>
      <c r="G8" s="8">
        <v>7</v>
      </c>
      <c r="H8" s="8">
        <v>7</v>
      </c>
      <c r="I8" s="8">
        <v>6</v>
      </c>
      <c r="J8" s="9">
        <v>7</v>
      </c>
      <c r="K8" s="9">
        <v>6</v>
      </c>
      <c r="L8" s="10">
        <v>105</v>
      </c>
    </row>
    <row r="9" spans="1:13" ht="18.75" customHeight="1">
      <c r="A9" s="1"/>
      <c r="B9" s="5"/>
      <c r="C9" s="7">
        <f t="shared" ca="1" si="0"/>
        <v>2031</v>
      </c>
      <c r="D9" s="7">
        <f t="shared" ca="1" si="2"/>
        <v>2017</v>
      </c>
      <c r="E9" s="7">
        <f t="shared" ca="1" si="1"/>
        <v>2017</v>
      </c>
      <c r="F9" s="7">
        <f t="shared" ca="1" si="3"/>
        <v>2019</v>
      </c>
      <c r="G9" s="8">
        <v>8</v>
      </c>
      <c r="H9" s="8">
        <v>8</v>
      </c>
      <c r="I9" s="8">
        <v>7</v>
      </c>
      <c r="J9" s="9">
        <v>8</v>
      </c>
      <c r="K9" s="9">
        <v>7</v>
      </c>
      <c r="L9" s="10">
        <v>120</v>
      </c>
    </row>
    <row r="10" spans="1:13" ht="18.75" customHeight="1">
      <c r="A10" s="1"/>
      <c r="B10" s="5"/>
      <c r="C10" s="7">
        <f t="shared" ca="1" si="0"/>
        <v>2032</v>
      </c>
      <c r="D10" s="7">
        <f t="shared" ca="1" si="2"/>
        <v>2016</v>
      </c>
      <c r="E10" s="7">
        <f t="shared" ca="1" si="1"/>
        <v>2016</v>
      </c>
      <c r="F10" s="7">
        <f t="shared" ca="1" si="3"/>
        <v>2018</v>
      </c>
      <c r="G10" s="8">
        <v>9</v>
      </c>
      <c r="H10" s="8">
        <v>9</v>
      </c>
      <c r="I10" s="8">
        <v>8</v>
      </c>
      <c r="J10" s="9">
        <v>9</v>
      </c>
      <c r="K10" s="9">
        <v>8</v>
      </c>
      <c r="L10" s="10">
        <v>135</v>
      </c>
    </row>
    <row r="11" spans="1:13" ht="18.75" customHeight="1">
      <c r="A11" s="1"/>
      <c r="B11" s="5"/>
      <c r="C11" s="7">
        <f t="shared" ca="1" si="0"/>
        <v>2033</v>
      </c>
      <c r="D11" s="7">
        <f t="shared" ca="1" si="2"/>
        <v>2015</v>
      </c>
      <c r="E11" s="7">
        <f t="shared" ca="1" si="1"/>
        <v>2015</v>
      </c>
      <c r="F11" s="7">
        <f t="shared" ca="1" si="3"/>
        <v>2017</v>
      </c>
      <c r="G11" s="8">
        <v>10</v>
      </c>
      <c r="H11" s="8">
        <v>10</v>
      </c>
      <c r="I11" s="8">
        <v>9</v>
      </c>
      <c r="J11" s="9">
        <v>10</v>
      </c>
      <c r="K11" s="9">
        <v>9</v>
      </c>
      <c r="L11" s="10">
        <v>150</v>
      </c>
    </row>
    <row r="12" spans="1:13" ht="18.75" customHeight="1">
      <c r="A12" s="1"/>
      <c r="B12" s="5"/>
      <c r="C12" s="7">
        <f t="shared" ca="1" si="0"/>
        <v>2034</v>
      </c>
      <c r="D12" s="7">
        <f t="shared" ca="1" si="2"/>
        <v>2014</v>
      </c>
      <c r="E12" s="7">
        <f t="shared" ca="1" si="1"/>
        <v>2014</v>
      </c>
      <c r="F12" s="7">
        <f t="shared" ca="1" si="3"/>
        <v>2016</v>
      </c>
      <c r="G12" s="8">
        <v>11</v>
      </c>
      <c r="H12" s="8">
        <v>11</v>
      </c>
      <c r="I12" s="8">
        <v>10</v>
      </c>
      <c r="J12" s="9">
        <v>11</v>
      </c>
      <c r="K12" s="9">
        <v>10</v>
      </c>
      <c r="L12" s="10">
        <v>165</v>
      </c>
    </row>
    <row r="13" spans="1:13" ht="18.75" customHeight="1">
      <c r="A13" s="1"/>
      <c r="B13" s="5"/>
      <c r="C13" s="7">
        <f t="shared" ca="1" si="0"/>
        <v>2035</v>
      </c>
      <c r="D13" s="7">
        <f t="shared" ca="1" si="2"/>
        <v>2013</v>
      </c>
      <c r="E13" s="7">
        <f t="shared" ca="1" si="1"/>
        <v>2013</v>
      </c>
      <c r="F13" s="7">
        <f t="shared" ca="1" si="3"/>
        <v>2015</v>
      </c>
      <c r="G13" s="8">
        <v>12</v>
      </c>
      <c r="H13" s="8">
        <v>12</v>
      </c>
      <c r="I13" s="8">
        <v>11</v>
      </c>
      <c r="J13" s="9">
        <v>12</v>
      </c>
      <c r="K13" s="9">
        <v>11</v>
      </c>
      <c r="L13" s="10">
        <v>180</v>
      </c>
    </row>
    <row r="14" spans="1:13" ht="18.75" customHeight="1">
      <c r="A14" s="1"/>
      <c r="B14" s="5"/>
      <c r="C14" s="7">
        <f t="shared" ca="1" si="0"/>
        <v>2036</v>
      </c>
      <c r="D14" s="7">
        <f t="shared" ca="1" si="2"/>
        <v>2012</v>
      </c>
      <c r="E14" s="7">
        <f t="shared" ca="1" si="1"/>
        <v>2012</v>
      </c>
      <c r="F14" s="7">
        <f t="shared" ca="1" si="3"/>
        <v>2014</v>
      </c>
      <c r="G14" s="9"/>
      <c r="H14" s="8">
        <v>13</v>
      </c>
      <c r="I14" s="8">
        <v>12</v>
      </c>
      <c r="J14" s="9">
        <v>13</v>
      </c>
      <c r="K14" s="9">
        <v>12</v>
      </c>
      <c r="L14" s="10">
        <v>195</v>
      </c>
    </row>
    <row r="15" spans="1:13" ht="18.75" customHeight="1">
      <c r="A15" s="1"/>
      <c r="B15" s="5"/>
      <c r="C15" s="7">
        <f t="shared" ca="1" si="0"/>
        <v>2037</v>
      </c>
      <c r="D15" s="7">
        <f t="shared" ca="1" si="2"/>
        <v>2011</v>
      </c>
      <c r="E15" s="7">
        <f t="shared" ca="1" si="1"/>
        <v>2011</v>
      </c>
      <c r="F15" s="7">
        <f t="shared" ca="1" si="3"/>
        <v>2013</v>
      </c>
      <c r="G15" s="9"/>
      <c r="H15" s="8">
        <v>14</v>
      </c>
      <c r="I15" s="8">
        <v>13</v>
      </c>
      <c r="J15" s="9">
        <v>14</v>
      </c>
      <c r="K15" s="9">
        <v>13</v>
      </c>
      <c r="L15" s="10">
        <v>210</v>
      </c>
    </row>
    <row r="16" spans="1:13" ht="18.75" customHeight="1">
      <c r="A16" s="1"/>
      <c r="B16" s="5"/>
      <c r="C16" s="7">
        <f t="shared" ca="1" si="0"/>
        <v>2038</v>
      </c>
      <c r="D16" s="7">
        <f t="shared" ca="1" si="2"/>
        <v>2010</v>
      </c>
      <c r="E16" s="7">
        <f t="shared" ca="1" si="1"/>
        <v>2010</v>
      </c>
      <c r="F16" s="7">
        <f t="shared" ca="1" si="3"/>
        <v>2012</v>
      </c>
      <c r="G16" s="9"/>
      <c r="H16" s="8">
        <v>15</v>
      </c>
      <c r="I16" s="8">
        <v>14</v>
      </c>
      <c r="J16" s="9">
        <v>15</v>
      </c>
      <c r="K16" s="9">
        <v>14</v>
      </c>
      <c r="L16" s="10">
        <v>225</v>
      </c>
    </row>
    <row r="17" spans="1:12" ht="18.75" customHeight="1">
      <c r="A17" s="1"/>
      <c r="B17" s="5"/>
      <c r="C17" s="7">
        <f t="shared" ca="1" si="0"/>
        <v>2039</v>
      </c>
      <c r="D17" s="7">
        <f t="shared" ca="1" si="2"/>
        <v>2009</v>
      </c>
      <c r="E17" s="7">
        <f t="shared" ca="1" si="1"/>
        <v>2009</v>
      </c>
      <c r="F17" s="7">
        <f t="shared" ca="1" si="3"/>
        <v>2011</v>
      </c>
      <c r="G17" s="9"/>
      <c r="H17" s="8">
        <v>16</v>
      </c>
      <c r="I17" s="8">
        <v>15</v>
      </c>
      <c r="J17" s="9">
        <v>16</v>
      </c>
      <c r="K17" s="9">
        <v>15</v>
      </c>
      <c r="L17" s="10">
        <v>240</v>
      </c>
    </row>
    <row r="18" spans="1:12" ht="18.75" customHeight="1">
      <c r="A18" s="1"/>
      <c r="B18" s="5"/>
      <c r="C18" s="7">
        <f t="shared" ca="1" si="0"/>
        <v>2040</v>
      </c>
      <c r="D18" s="7">
        <f t="shared" ca="1" si="2"/>
        <v>2008</v>
      </c>
      <c r="E18" s="7">
        <f t="shared" ca="1" si="1"/>
        <v>2008</v>
      </c>
      <c r="F18" s="7">
        <f t="shared" ca="1" si="3"/>
        <v>2010</v>
      </c>
      <c r="G18" s="9"/>
      <c r="H18" s="8">
        <v>17</v>
      </c>
      <c r="I18" s="8">
        <v>16</v>
      </c>
      <c r="J18" s="9">
        <v>17</v>
      </c>
      <c r="K18" s="9">
        <v>16</v>
      </c>
      <c r="L18" s="10">
        <v>255</v>
      </c>
    </row>
    <row r="19" spans="1:12" ht="18.75" customHeight="1">
      <c r="A19" s="1"/>
      <c r="B19" s="5"/>
      <c r="C19" s="7">
        <f t="shared" ca="1" si="0"/>
        <v>2041</v>
      </c>
      <c r="D19" s="7">
        <f t="shared" ca="1" si="2"/>
        <v>2007</v>
      </c>
      <c r="E19" s="7">
        <f t="shared" ca="1" si="1"/>
        <v>2007</v>
      </c>
      <c r="F19" s="7">
        <f t="shared" ca="1" si="3"/>
        <v>2009</v>
      </c>
      <c r="G19" s="9"/>
      <c r="H19" s="8">
        <v>18</v>
      </c>
      <c r="I19" s="8">
        <v>17</v>
      </c>
      <c r="J19" s="9">
        <v>18</v>
      </c>
      <c r="K19" s="9">
        <v>17</v>
      </c>
      <c r="L19" s="10">
        <v>270</v>
      </c>
    </row>
    <row r="20" spans="1:12" ht="18.75" customHeight="1">
      <c r="A20" s="1"/>
      <c r="B20" s="5"/>
      <c r="C20" s="7">
        <f t="shared" ca="1" si="0"/>
        <v>2042</v>
      </c>
      <c r="D20" s="7">
        <f t="shared" ca="1" si="2"/>
        <v>2006</v>
      </c>
      <c r="E20" s="7">
        <f t="shared" ca="1" si="1"/>
        <v>2006</v>
      </c>
      <c r="F20" s="7">
        <f t="shared" ca="1" si="3"/>
        <v>2008</v>
      </c>
      <c r="G20" s="9"/>
      <c r="H20" s="8">
        <v>19</v>
      </c>
      <c r="I20" s="8">
        <v>18</v>
      </c>
      <c r="J20" s="9">
        <v>19</v>
      </c>
      <c r="K20" s="9">
        <v>18</v>
      </c>
      <c r="L20" s="10">
        <v>285</v>
      </c>
    </row>
    <row r="21" spans="1:12" ht="18.75" customHeight="1">
      <c r="A21" s="1"/>
      <c r="B21" s="5"/>
      <c r="C21" s="7">
        <f t="shared" ca="1" si="0"/>
        <v>2043</v>
      </c>
      <c r="D21" s="7"/>
      <c r="E21" s="7">
        <f t="shared" ca="1" si="1"/>
        <v>2005</v>
      </c>
      <c r="F21" s="7">
        <f t="shared" ca="1" si="3"/>
        <v>2007</v>
      </c>
      <c r="G21" s="9"/>
      <c r="H21" s="8">
        <v>20</v>
      </c>
      <c r="I21" s="8">
        <v>19</v>
      </c>
      <c r="J21" s="9">
        <v>20</v>
      </c>
      <c r="K21" s="9">
        <v>19</v>
      </c>
      <c r="L21" s="10">
        <v>300</v>
      </c>
    </row>
    <row r="22" spans="1:12" ht="18.75" customHeight="1">
      <c r="A22" s="1"/>
      <c r="B22" s="5"/>
      <c r="C22" s="7">
        <f t="shared" ca="1" si="0"/>
        <v>2044</v>
      </c>
      <c r="D22" s="7"/>
      <c r="E22" s="7">
        <f t="shared" ca="1" si="1"/>
        <v>2004</v>
      </c>
      <c r="F22" s="7">
        <f t="shared" ca="1" si="3"/>
        <v>2006</v>
      </c>
      <c r="G22" s="9"/>
      <c r="H22" s="8">
        <v>21</v>
      </c>
      <c r="I22" s="8">
        <v>20</v>
      </c>
      <c r="J22" s="9">
        <v>21</v>
      </c>
      <c r="K22" s="9">
        <v>20</v>
      </c>
      <c r="L22" s="10">
        <v>315</v>
      </c>
    </row>
    <row r="23" spans="1:12" ht="18.75" customHeight="1">
      <c r="A23" s="1"/>
      <c r="B23" s="5"/>
      <c r="C23" s="7">
        <f t="shared" ca="1" si="0"/>
        <v>2045</v>
      </c>
      <c r="D23" s="7"/>
      <c r="E23" s="7">
        <f t="shared" ca="1" si="1"/>
        <v>2003</v>
      </c>
      <c r="F23" s="7">
        <f t="shared" ca="1" si="3"/>
        <v>2005</v>
      </c>
      <c r="G23" s="9"/>
      <c r="H23" s="8">
        <v>22</v>
      </c>
      <c r="I23" s="8">
        <v>21</v>
      </c>
      <c r="J23" s="9">
        <v>22</v>
      </c>
      <c r="K23" s="9">
        <v>21</v>
      </c>
      <c r="L23" s="10">
        <v>330</v>
      </c>
    </row>
    <row r="24" spans="1:12" ht="18.75" customHeight="1">
      <c r="A24" s="1"/>
      <c r="B24" s="5"/>
      <c r="C24" s="7">
        <f t="shared" ca="1" si="0"/>
        <v>2046</v>
      </c>
      <c r="D24" s="7"/>
      <c r="E24" s="7">
        <f t="shared" ca="1" si="1"/>
        <v>2002</v>
      </c>
      <c r="F24" s="7">
        <f t="shared" ca="1" si="3"/>
        <v>2004</v>
      </c>
      <c r="G24" s="9"/>
      <c r="H24" s="8">
        <v>23</v>
      </c>
      <c r="I24" s="8">
        <v>22</v>
      </c>
      <c r="J24" s="9">
        <v>23</v>
      </c>
      <c r="K24" s="9">
        <v>22</v>
      </c>
      <c r="L24" s="10">
        <v>345</v>
      </c>
    </row>
    <row r="25" spans="1:12" ht="18.75" customHeight="1">
      <c r="A25" s="1"/>
      <c r="B25" s="5"/>
      <c r="C25" s="7">
        <f t="shared" ca="1" si="0"/>
        <v>2047</v>
      </c>
      <c r="D25" s="7"/>
      <c r="E25" s="7">
        <f t="shared" ca="1" si="1"/>
        <v>2001</v>
      </c>
      <c r="F25" s="7">
        <f t="shared" ca="1" si="3"/>
        <v>2003</v>
      </c>
      <c r="G25" s="9"/>
      <c r="H25" s="8">
        <v>24</v>
      </c>
      <c r="I25" s="8">
        <v>23</v>
      </c>
      <c r="J25" s="9">
        <v>24</v>
      </c>
      <c r="K25" s="9">
        <v>23</v>
      </c>
      <c r="L25" s="10">
        <v>360</v>
      </c>
    </row>
    <row r="26" spans="1:12" ht="18.75" customHeight="1">
      <c r="A26" s="1"/>
      <c r="B26" s="5"/>
      <c r="C26" s="7">
        <f t="shared" ca="1" si="0"/>
        <v>2048</v>
      </c>
      <c r="D26" s="7"/>
      <c r="E26" s="7">
        <f t="shared" ca="1" si="1"/>
        <v>2000</v>
      </c>
      <c r="F26" s="7">
        <f t="shared" ca="1" si="3"/>
        <v>2002</v>
      </c>
      <c r="G26" s="9"/>
      <c r="H26" s="8">
        <v>25</v>
      </c>
      <c r="I26" s="8">
        <v>24</v>
      </c>
      <c r="J26" s="9">
        <v>25</v>
      </c>
      <c r="K26" s="9">
        <v>24</v>
      </c>
      <c r="L26" s="10">
        <v>375</v>
      </c>
    </row>
    <row r="27" spans="1:12" ht="18.75" customHeight="1">
      <c r="A27" s="1"/>
      <c r="B27" s="5"/>
      <c r="C27" s="7">
        <f t="shared" ca="1" si="0"/>
        <v>2049</v>
      </c>
      <c r="D27" s="7"/>
      <c r="E27" s="7">
        <f t="shared" ca="1" si="1"/>
        <v>1999</v>
      </c>
      <c r="F27" s="7">
        <f t="shared" ca="1" si="3"/>
        <v>2001</v>
      </c>
      <c r="G27" s="9"/>
      <c r="H27" s="8">
        <v>26</v>
      </c>
      <c r="I27" s="9">
        <v>25</v>
      </c>
      <c r="J27" s="9">
        <v>26</v>
      </c>
      <c r="K27" s="9">
        <v>25</v>
      </c>
      <c r="L27" s="10">
        <v>390</v>
      </c>
    </row>
    <row r="28" spans="1:12" ht="18.75" customHeight="1">
      <c r="A28" s="1"/>
      <c r="B28" s="5"/>
      <c r="C28" s="7">
        <f t="shared" ca="1" si="0"/>
        <v>2050</v>
      </c>
      <c r="D28" s="7"/>
      <c r="E28" s="7">
        <f t="shared" ca="1" si="1"/>
        <v>1998</v>
      </c>
      <c r="F28" s="7">
        <f t="shared" ca="1" si="3"/>
        <v>2000</v>
      </c>
      <c r="G28" s="9"/>
      <c r="H28" s="8">
        <v>27</v>
      </c>
      <c r="I28" s="9">
        <v>26</v>
      </c>
      <c r="J28" s="9">
        <v>27</v>
      </c>
      <c r="K28" s="9">
        <v>26</v>
      </c>
      <c r="L28" s="10">
        <v>405</v>
      </c>
    </row>
    <row r="29" spans="1:12" ht="18.75" customHeight="1">
      <c r="A29" s="1"/>
      <c r="B29" s="5"/>
      <c r="C29" s="7">
        <f t="shared" ca="1" si="0"/>
        <v>2051</v>
      </c>
      <c r="D29" s="7"/>
      <c r="E29" s="7">
        <f t="shared" ca="1" si="1"/>
        <v>1997</v>
      </c>
      <c r="F29" s="7">
        <f t="shared" ca="1" si="3"/>
        <v>1999</v>
      </c>
      <c r="G29" s="9"/>
      <c r="H29" s="8">
        <v>28</v>
      </c>
      <c r="I29" s="9">
        <v>27</v>
      </c>
      <c r="J29" s="9">
        <v>28</v>
      </c>
      <c r="K29" s="9">
        <v>27</v>
      </c>
      <c r="L29" s="10">
        <v>420</v>
      </c>
    </row>
    <row r="30" spans="1:12" ht="18.75" customHeight="1">
      <c r="A30" s="1"/>
      <c r="B30" s="5"/>
      <c r="C30" s="7">
        <f t="shared" ca="1" si="0"/>
        <v>2052</v>
      </c>
      <c r="D30" s="7"/>
      <c r="E30" s="7">
        <f t="shared" ca="1" si="1"/>
        <v>1996</v>
      </c>
      <c r="F30" s="7">
        <f t="shared" ca="1" si="3"/>
        <v>1998</v>
      </c>
      <c r="G30" s="9"/>
      <c r="H30" s="8">
        <v>29</v>
      </c>
      <c r="I30" s="9">
        <v>28</v>
      </c>
      <c r="J30" s="9">
        <v>29</v>
      </c>
      <c r="K30" s="9">
        <v>28</v>
      </c>
      <c r="L30" s="10">
        <v>435</v>
      </c>
    </row>
    <row r="31" spans="1:12" ht="18.75" customHeight="1">
      <c r="A31" s="1"/>
      <c r="B31" s="5"/>
      <c r="C31" s="7">
        <f t="shared" ca="1" si="0"/>
        <v>2053</v>
      </c>
      <c r="D31" s="7"/>
      <c r="E31" s="7">
        <f t="shared" ca="1" si="1"/>
        <v>1995</v>
      </c>
      <c r="F31" s="7">
        <f t="shared" ca="1" si="3"/>
        <v>1997</v>
      </c>
      <c r="G31" s="9"/>
      <c r="H31" s="8">
        <v>30</v>
      </c>
      <c r="I31" s="9">
        <v>29</v>
      </c>
      <c r="J31" s="9">
        <v>30</v>
      </c>
      <c r="K31" s="9">
        <v>29</v>
      </c>
      <c r="L31" s="10">
        <v>450</v>
      </c>
    </row>
    <row r="32" spans="1:12" ht="18.75" customHeight="1">
      <c r="A32" s="1"/>
      <c r="B32" s="1"/>
      <c r="C32" s="9"/>
      <c r="D32" s="7"/>
      <c r="E32" s="7">
        <f t="shared" ca="1" si="1"/>
        <v>1994</v>
      </c>
      <c r="F32" s="7">
        <f t="shared" ca="1" si="3"/>
        <v>1996</v>
      </c>
      <c r="G32" s="9"/>
      <c r="H32" s="8">
        <v>31</v>
      </c>
      <c r="I32" s="9"/>
      <c r="J32" s="9">
        <v>31</v>
      </c>
      <c r="K32" s="9">
        <v>30</v>
      </c>
      <c r="L32" s="10">
        <v>465</v>
      </c>
    </row>
    <row r="33" spans="3:12" ht="18.75" customHeight="1">
      <c r="C33" s="9"/>
      <c r="D33" s="7"/>
      <c r="E33" s="7">
        <f t="shared" ca="1" si="1"/>
        <v>1993</v>
      </c>
      <c r="F33" s="7">
        <f t="shared" ca="1" si="3"/>
        <v>1995</v>
      </c>
      <c r="G33" s="9"/>
      <c r="H33" s="9"/>
      <c r="I33" s="9"/>
      <c r="J33" s="9">
        <v>32</v>
      </c>
      <c r="K33" s="9">
        <v>31</v>
      </c>
      <c r="L33" s="10">
        <v>480</v>
      </c>
    </row>
    <row r="34" spans="3:12" ht="18.75" customHeight="1">
      <c r="C34" s="9"/>
      <c r="D34" s="7"/>
      <c r="E34" s="7">
        <f t="shared" ca="1" si="1"/>
        <v>1992</v>
      </c>
      <c r="F34" s="7">
        <f t="shared" ca="1" si="3"/>
        <v>1994</v>
      </c>
      <c r="G34" s="9"/>
      <c r="H34" s="9"/>
      <c r="I34" s="9"/>
      <c r="J34" s="9">
        <v>33</v>
      </c>
      <c r="K34" s="9">
        <v>32</v>
      </c>
      <c r="L34" s="10"/>
    </row>
    <row r="35" spans="3:12" ht="18.75" customHeight="1">
      <c r="C35" s="9"/>
      <c r="D35" s="7"/>
      <c r="E35" s="7">
        <f t="shared" ca="1" si="1"/>
        <v>1991</v>
      </c>
      <c r="F35" s="7">
        <f t="shared" ca="1" si="3"/>
        <v>1993</v>
      </c>
      <c r="G35" s="9"/>
      <c r="H35" s="9"/>
      <c r="I35" s="9"/>
      <c r="J35" s="9">
        <v>34</v>
      </c>
      <c r="K35" s="9">
        <v>33</v>
      </c>
      <c r="L35" s="10"/>
    </row>
    <row r="36" spans="3:12" ht="18.75" customHeight="1">
      <c r="C36" s="9"/>
      <c r="D36" s="7"/>
      <c r="E36" s="7">
        <f t="shared" ca="1" si="1"/>
        <v>1990</v>
      </c>
      <c r="F36" s="7">
        <f t="shared" ca="1" si="3"/>
        <v>1992</v>
      </c>
      <c r="G36" s="9"/>
      <c r="H36" s="9"/>
      <c r="I36" s="9"/>
      <c r="J36" s="9">
        <v>35</v>
      </c>
      <c r="K36" s="9">
        <v>34</v>
      </c>
      <c r="L36" s="10"/>
    </row>
    <row r="37" spans="3:12" ht="18.75" customHeight="1">
      <c r="C37" s="9"/>
      <c r="D37" s="9"/>
      <c r="E37" s="7">
        <f t="shared" ca="1" si="1"/>
        <v>1989</v>
      </c>
      <c r="F37" s="7">
        <f t="shared" ca="1" si="3"/>
        <v>1991</v>
      </c>
      <c r="G37" s="9"/>
      <c r="H37" s="9"/>
      <c r="I37" s="9"/>
      <c r="J37" s="9">
        <v>36</v>
      </c>
      <c r="K37" s="9">
        <v>35</v>
      </c>
      <c r="L37" s="10"/>
    </row>
    <row r="38" spans="3:12" ht="18.75" customHeight="1">
      <c r="C38" s="9"/>
      <c r="D38" s="9"/>
      <c r="E38" s="7">
        <f t="shared" ca="1" si="1"/>
        <v>1988</v>
      </c>
      <c r="F38" s="7">
        <f t="shared" ca="1" si="3"/>
        <v>1990</v>
      </c>
      <c r="G38" s="9"/>
      <c r="H38" s="9"/>
      <c r="I38" s="9"/>
      <c r="J38" s="9">
        <v>37</v>
      </c>
      <c r="K38" s="9">
        <v>36</v>
      </c>
      <c r="L38" s="10"/>
    </row>
    <row r="39" spans="3:12" ht="18.75" customHeight="1">
      <c r="C39" s="9"/>
      <c r="D39" s="9"/>
      <c r="E39" s="7">
        <f t="shared" ca="1" si="1"/>
        <v>1987</v>
      </c>
      <c r="F39" s="7">
        <f t="shared" ca="1" si="3"/>
        <v>1989</v>
      </c>
      <c r="G39" s="9"/>
      <c r="H39" s="9"/>
      <c r="I39" s="9"/>
      <c r="J39" s="9">
        <v>38</v>
      </c>
      <c r="K39" s="9">
        <v>37</v>
      </c>
      <c r="L39" s="10"/>
    </row>
    <row r="40" spans="3:12" ht="18.75" customHeight="1">
      <c r="C40" s="9"/>
      <c r="D40" s="9"/>
      <c r="E40" s="7">
        <f t="shared" ca="1" si="1"/>
        <v>1986</v>
      </c>
      <c r="F40" s="7">
        <f t="shared" ca="1" si="3"/>
        <v>1988</v>
      </c>
      <c r="G40" s="9"/>
      <c r="H40" s="9"/>
      <c r="I40" s="9"/>
      <c r="J40" s="9">
        <v>39</v>
      </c>
      <c r="K40" s="9">
        <v>38</v>
      </c>
      <c r="L40" s="10"/>
    </row>
    <row r="41" spans="3:12" ht="18.75" customHeight="1">
      <c r="C41" s="9"/>
      <c r="D41" s="9"/>
      <c r="E41" s="7">
        <f t="shared" ca="1" si="1"/>
        <v>1985</v>
      </c>
      <c r="F41" s="7">
        <f t="shared" ca="1" si="3"/>
        <v>1987</v>
      </c>
      <c r="G41" s="9"/>
      <c r="H41" s="9"/>
      <c r="I41" s="9"/>
      <c r="J41" s="9">
        <v>40</v>
      </c>
      <c r="K41" s="9">
        <v>39</v>
      </c>
      <c r="L41" s="10"/>
    </row>
    <row r="42" spans="3:12" ht="18.75" customHeight="1">
      <c r="C42" s="9"/>
      <c r="D42" s="9"/>
      <c r="E42" s="7">
        <f t="shared" ca="1" si="1"/>
        <v>1984</v>
      </c>
      <c r="F42" s="7">
        <f t="shared" ca="1" si="3"/>
        <v>1986</v>
      </c>
      <c r="G42" s="9"/>
      <c r="H42" s="9"/>
      <c r="I42" s="9"/>
      <c r="J42" s="9">
        <v>41</v>
      </c>
      <c r="K42" s="9">
        <v>40</v>
      </c>
      <c r="L42" s="10"/>
    </row>
    <row r="43" spans="3:12" ht="18.75" customHeight="1">
      <c r="C43" s="9"/>
      <c r="D43" s="9"/>
      <c r="E43" s="7">
        <f t="shared" ca="1" si="1"/>
        <v>1983</v>
      </c>
      <c r="F43" s="7">
        <f t="shared" ca="1" si="3"/>
        <v>1985</v>
      </c>
      <c r="G43" s="9"/>
      <c r="H43" s="9"/>
      <c r="I43" s="9"/>
      <c r="J43" s="9">
        <v>42</v>
      </c>
      <c r="K43" s="9">
        <v>41</v>
      </c>
      <c r="L43" s="10"/>
    </row>
    <row r="44" spans="3:12" ht="18.75" customHeight="1">
      <c r="C44" s="9"/>
      <c r="D44" s="9"/>
      <c r="E44" s="7">
        <f t="shared" ca="1" si="1"/>
        <v>1982</v>
      </c>
      <c r="F44" s="7">
        <f t="shared" ca="1" si="3"/>
        <v>1984</v>
      </c>
      <c r="G44" s="9"/>
      <c r="H44" s="9"/>
      <c r="I44" s="9"/>
      <c r="J44" s="9">
        <v>43</v>
      </c>
      <c r="K44" s="9">
        <v>42</v>
      </c>
      <c r="L44" s="10"/>
    </row>
    <row r="45" spans="3:12" ht="18.75" customHeight="1">
      <c r="C45" s="9"/>
      <c r="D45" s="9"/>
      <c r="E45" s="7">
        <f t="shared" ca="1" si="1"/>
        <v>1981</v>
      </c>
      <c r="F45" s="7">
        <f t="shared" ca="1" si="3"/>
        <v>1983</v>
      </c>
      <c r="G45" s="9"/>
      <c r="H45" s="9"/>
      <c r="I45" s="9"/>
      <c r="J45" s="9">
        <v>44</v>
      </c>
      <c r="K45" s="9">
        <v>43</v>
      </c>
      <c r="L45" s="10"/>
    </row>
    <row r="46" spans="3:12" ht="18.75" customHeight="1">
      <c r="C46" s="9"/>
      <c r="D46" s="9"/>
      <c r="E46" s="7">
        <f t="shared" ca="1" si="1"/>
        <v>1980</v>
      </c>
      <c r="F46" s="7">
        <f t="shared" ca="1" si="3"/>
        <v>1982</v>
      </c>
      <c r="G46" s="9"/>
      <c r="H46" s="9"/>
      <c r="I46" s="9"/>
      <c r="J46" s="9">
        <v>45</v>
      </c>
      <c r="K46" s="9">
        <v>44</v>
      </c>
      <c r="L46" s="10"/>
    </row>
    <row r="47" spans="3:12" ht="18.75" customHeight="1">
      <c r="C47" s="9"/>
      <c r="D47" s="9"/>
      <c r="E47" s="7">
        <f t="shared" ca="1" si="1"/>
        <v>1979</v>
      </c>
      <c r="F47" s="7">
        <f t="shared" ca="1" si="3"/>
        <v>1981</v>
      </c>
      <c r="G47" s="9"/>
      <c r="H47" s="9"/>
      <c r="I47" s="9"/>
      <c r="J47" s="9">
        <v>46</v>
      </c>
      <c r="K47" s="9">
        <v>45</v>
      </c>
      <c r="L47" s="10"/>
    </row>
    <row r="48" spans="3:12" ht="18.75" customHeight="1">
      <c r="C48" s="9"/>
      <c r="D48" s="9"/>
      <c r="E48" s="7">
        <f t="shared" ca="1" si="1"/>
        <v>1978</v>
      </c>
      <c r="F48" s="7">
        <f t="shared" ca="1" si="3"/>
        <v>1980</v>
      </c>
      <c r="G48" s="9"/>
      <c r="H48" s="9"/>
      <c r="I48" s="9"/>
      <c r="J48" s="9">
        <v>47</v>
      </c>
      <c r="K48" s="9">
        <v>46</v>
      </c>
      <c r="L48" s="10"/>
    </row>
    <row r="49" spans="3:12" ht="18.75" customHeight="1">
      <c r="C49" s="9"/>
      <c r="D49" s="9"/>
      <c r="E49" s="7">
        <f t="shared" ca="1" si="1"/>
        <v>1977</v>
      </c>
      <c r="F49" s="7">
        <f t="shared" ca="1" si="3"/>
        <v>1979</v>
      </c>
      <c r="G49" s="9"/>
      <c r="H49" s="9"/>
      <c r="I49" s="9"/>
      <c r="J49" s="9">
        <v>48</v>
      </c>
      <c r="K49" s="9">
        <v>47</v>
      </c>
      <c r="L49" s="10"/>
    </row>
    <row r="50" spans="3:12" ht="18.75" customHeight="1">
      <c r="C50" s="9"/>
      <c r="D50" s="9"/>
      <c r="E50" s="7">
        <f t="shared" ca="1" si="1"/>
        <v>1976</v>
      </c>
      <c r="F50" s="7">
        <f t="shared" ca="1" si="3"/>
        <v>1978</v>
      </c>
      <c r="G50" s="9"/>
      <c r="H50" s="9"/>
      <c r="I50" s="9"/>
      <c r="J50" s="9">
        <v>49</v>
      </c>
      <c r="K50" s="9">
        <v>48</v>
      </c>
      <c r="L50" s="10"/>
    </row>
    <row r="51" spans="3:12" ht="18.75" customHeight="1">
      <c r="C51" s="9"/>
      <c r="D51" s="9"/>
      <c r="E51" s="7">
        <f t="shared" ca="1" si="1"/>
        <v>1975</v>
      </c>
      <c r="F51" s="7">
        <f t="shared" ca="1" si="3"/>
        <v>1977</v>
      </c>
      <c r="G51" s="9"/>
      <c r="H51" s="9"/>
      <c r="I51" s="9"/>
      <c r="J51" s="9">
        <v>50</v>
      </c>
      <c r="K51" s="9">
        <v>49</v>
      </c>
      <c r="L51" s="10"/>
    </row>
    <row r="52" spans="3:12" ht="18.75" customHeight="1">
      <c r="C52" s="9"/>
      <c r="D52" s="9"/>
      <c r="E52" s="7">
        <f t="shared" ca="1" si="1"/>
        <v>1974</v>
      </c>
      <c r="F52" s="7">
        <f t="shared" ca="1" si="3"/>
        <v>1976</v>
      </c>
      <c r="G52" s="9"/>
      <c r="H52" s="9"/>
      <c r="I52" s="9"/>
      <c r="J52" s="9">
        <v>51</v>
      </c>
      <c r="K52" s="9">
        <v>50</v>
      </c>
      <c r="L52" s="10"/>
    </row>
    <row r="53" spans="3:12" ht="18.75" customHeight="1">
      <c r="C53" s="9"/>
      <c r="D53" s="9"/>
      <c r="E53" s="7">
        <f t="shared" ca="1" si="1"/>
        <v>1973</v>
      </c>
      <c r="F53" s="7">
        <f t="shared" ca="1" si="3"/>
        <v>1975</v>
      </c>
      <c r="G53" s="9"/>
      <c r="H53" s="9"/>
      <c r="I53" s="9"/>
      <c r="J53" s="9">
        <v>52</v>
      </c>
      <c r="K53" s="9">
        <v>51</v>
      </c>
      <c r="L53" s="10"/>
    </row>
    <row r="54" spans="3:12" ht="18.75" customHeight="1">
      <c r="C54" s="9"/>
      <c r="D54" s="9"/>
      <c r="E54" s="7">
        <f t="shared" ca="1" si="1"/>
        <v>1972</v>
      </c>
      <c r="F54" s="7">
        <f t="shared" ca="1" si="3"/>
        <v>1974</v>
      </c>
      <c r="G54" s="9"/>
      <c r="H54" s="9"/>
      <c r="I54" s="9"/>
      <c r="J54" s="9">
        <v>53</v>
      </c>
      <c r="K54" s="9">
        <v>52</v>
      </c>
      <c r="L54" s="10"/>
    </row>
    <row r="55" spans="3:12" ht="18.75" customHeight="1">
      <c r="C55" s="9"/>
      <c r="D55" s="9"/>
      <c r="E55" s="7">
        <f t="shared" ca="1" si="1"/>
        <v>1971</v>
      </c>
      <c r="F55" s="7">
        <f t="shared" ca="1" si="3"/>
        <v>1973</v>
      </c>
      <c r="G55" s="9"/>
      <c r="H55" s="9"/>
      <c r="I55" s="9"/>
      <c r="J55" s="9">
        <v>54</v>
      </c>
      <c r="K55" s="9">
        <v>53</v>
      </c>
      <c r="L55" s="10"/>
    </row>
    <row r="56" spans="3:12" ht="18.75" customHeight="1">
      <c r="C56" s="9"/>
      <c r="D56" s="9"/>
      <c r="E56" s="7">
        <f t="shared" ca="1" si="1"/>
        <v>1970</v>
      </c>
      <c r="F56" s="7"/>
      <c r="G56" s="9"/>
      <c r="H56" s="9"/>
      <c r="I56" s="9"/>
      <c r="J56" s="9">
        <v>55</v>
      </c>
      <c r="K56" s="9">
        <v>54</v>
      </c>
      <c r="L56" s="10"/>
    </row>
    <row r="57" spans="3:12" ht="18.75" customHeight="1">
      <c r="C57" s="9"/>
      <c r="D57" s="9"/>
      <c r="E57" s="7">
        <f t="shared" ca="1" si="1"/>
        <v>1969</v>
      </c>
      <c r="F57" s="7"/>
      <c r="G57" s="9"/>
      <c r="H57" s="9"/>
      <c r="I57" s="9"/>
      <c r="J57" s="9">
        <v>56</v>
      </c>
      <c r="K57" s="9">
        <v>55</v>
      </c>
      <c r="L57" s="10"/>
    </row>
    <row r="58" spans="3:12" ht="18.75" customHeight="1">
      <c r="C58" s="9"/>
      <c r="D58" s="9"/>
      <c r="E58" s="7">
        <f t="shared" ca="1" si="1"/>
        <v>1968</v>
      </c>
      <c r="F58" s="7"/>
      <c r="G58" s="9"/>
      <c r="H58" s="9"/>
      <c r="I58" s="9"/>
      <c r="J58" s="9">
        <v>57</v>
      </c>
      <c r="K58" s="9">
        <v>56</v>
      </c>
      <c r="L58" s="10"/>
    </row>
    <row r="59" spans="3:12" ht="18.75" customHeight="1">
      <c r="C59" s="9"/>
      <c r="D59" s="9"/>
      <c r="E59" s="7">
        <f t="shared" ca="1" si="1"/>
        <v>1967</v>
      </c>
      <c r="F59" s="7"/>
      <c r="G59" s="9"/>
      <c r="H59" s="9"/>
      <c r="I59" s="9"/>
      <c r="J59" s="9">
        <v>58</v>
      </c>
      <c r="K59" s="9">
        <v>57</v>
      </c>
      <c r="L59" s="10"/>
    </row>
    <row r="60" spans="3:12" ht="18.75" customHeight="1">
      <c r="C60" s="9"/>
      <c r="D60" s="9"/>
      <c r="E60" s="7">
        <f t="shared" ca="1" si="1"/>
        <v>1966</v>
      </c>
      <c r="F60" s="7"/>
      <c r="G60" s="9"/>
      <c r="H60" s="9"/>
      <c r="I60" s="9"/>
      <c r="J60" s="9">
        <v>59</v>
      </c>
      <c r="K60" s="9">
        <v>58</v>
      </c>
      <c r="L60" s="10"/>
    </row>
    <row r="61" spans="3:12" ht="18.75" customHeight="1">
      <c r="C61" s="9"/>
      <c r="D61" s="9"/>
      <c r="E61" s="7">
        <f t="shared" ca="1" si="1"/>
        <v>1965</v>
      </c>
      <c r="F61" s="7"/>
      <c r="G61" s="9"/>
      <c r="H61" s="9"/>
      <c r="I61" s="9"/>
      <c r="J61" s="9">
        <v>60</v>
      </c>
      <c r="K61" s="9">
        <v>59</v>
      </c>
      <c r="L61" s="10"/>
    </row>
    <row r="62" spans="3:12">
      <c r="C62" s="10"/>
      <c r="D62" s="10"/>
      <c r="E62" s="7">
        <f t="shared" ca="1" si="1"/>
        <v>1964</v>
      </c>
      <c r="F62" s="7"/>
      <c r="G62" s="10"/>
      <c r="H62" s="10"/>
      <c r="I62" s="9"/>
      <c r="J62" s="10"/>
      <c r="K62" s="10"/>
      <c r="L62" s="10"/>
    </row>
    <row r="63" spans="3:12">
      <c r="C63" s="10"/>
      <c r="D63" s="10"/>
      <c r="E63" s="7">
        <f t="shared" ca="1" si="1"/>
        <v>1963</v>
      </c>
      <c r="F63" s="7"/>
      <c r="G63" s="10"/>
      <c r="H63" s="10"/>
      <c r="I63" s="10"/>
      <c r="J63" s="10"/>
      <c r="K63" s="10"/>
      <c r="L63" s="10"/>
    </row>
    <row r="64" spans="3:12">
      <c r="C64" s="10"/>
      <c r="D64" s="10"/>
      <c r="E64" s="7">
        <f t="shared" ca="1" si="1"/>
        <v>1962</v>
      </c>
      <c r="F64" s="7"/>
      <c r="G64" s="10"/>
      <c r="H64" s="10"/>
      <c r="I64" s="10"/>
      <c r="J64" s="10"/>
      <c r="K64" s="10"/>
      <c r="L64" s="10"/>
    </row>
    <row r="65" spans="3:12">
      <c r="C65" s="10"/>
      <c r="D65" s="10"/>
      <c r="E65" s="7">
        <f t="shared" ca="1" si="1"/>
        <v>1961</v>
      </c>
      <c r="F65" s="7"/>
      <c r="G65" s="10"/>
      <c r="H65" s="10"/>
      <c r="I65" s="10"/>
      <c r="J65" s="10"/>
      <c r="K65" s="10"/>
      <c r="L65" s="10"/>
    </row>
    <row r="66" spans="3:12">
      <c r="C66" s="10"/>
      <c r="D66" s="10"/>
      <c r="E66" s="7">
        <f t="shared" ca="1" si="1"/>
        <v>1960</v>
      </c>
      <c r="F66" s="7"/>
      <c r="G66" s="10"/>
      <c r="H66" s="10"/>
      <c r="I66" s="10"/>
      <c r="J66" s="10"/>
      <c r="K66" s="10"/>
      <c r="L66" s="10"/>
    </row>
    <row r="67" spans="3:12">
      <c r="C67" s="10"/>
      <c r="D67" s="10"/>
      <c r="E67" s="7">
        <f t="shared" ca="1" si="1"/>
        <v>1959</v>
      </c>
      <c r="F67" s="7"/>
      <c r="G67" s="10"/>
      <c r="H67" s="10"/>
      <c r="I67" s="10"/>
      <c r="J67" s="10"/>
      <c r="K67" s="10"/>
      <c r="L67" s="10"/>
    </row>
    <row r="68" spans="3:12">
      <c r="C68" s="10"/>
      <c r="D68" s="10"/>
      <c r="E68" s="7">
        <f t="shared" ref="E68:E108" ca="1" si="4">E67-1</f>
        <v>1958</v>
      </c>
      <c r="F68" s="7"/>
      <c r="G68" s="10"/>
      <c r="H68" s="10"/>
      <c r="I68" s="10"/>
      <c r="J68" s="10"/>
      <c r="K68" s="10"/>
      <c r="L68" s="10"/>
    </row>
    <row r="69" spans="3:12">
      <c r="C69" s="10"/>
      <c r="D69" s="10"/>
      <c r="E69" s="7">
        <f t="shared" ca="1" si="4"/>
        <v>1957</v>
      </c>
      <c r="F69" s="7"/>
      <c r="G69" s="10"/>
      <c r="H69" s="10"/>
      <c r="I69" s="10"/>
      <c r="J69" s="10"/>
      <c r="K69" s="10"/>
      <c r="L69" s="10"/>
    </row>
    <row r="70" spans="3:12">
      <c r="C70" s="10"/>
      <c r="D70" s="10"/>
      <c r="E70" s="7">
        <f t="shared" ca="1" si="4"/>
        <v>1956</v>
      </c>
      <c r="F70" s="7"/>
      <c r="G70" s="10"/>
      <c r="H70" s="10"/>
      <c r="I70" s="10"/>
      <c r="J70" s="10"/>
      <c r="K70" s="10"/>
      <c r="L70" s="10"/>
    </row>
    <row r="71" spans="3:12">
      <c r="C71" s="10"/>
      <c r="D71" s="10"/>
      <c r="E71" s="7">
        <f t="shared" ca="1" si="4"/>
        <v>1955</v>
      </c>
      <c r="F71" s="7"/>
      <c r="G71" s="10"/>
      <c r="H71" s="10"/>
      <c r="I71" s="10"/>
      <c r="J71" s="10"/>
      <c r="K71" s="10"/>
      <c r="L71" s="10"/>
    </row>
    <row r="72" spans="3:12">
      <c r="C72" s="10"/>
      <c r="D72" s="10"/>
      <c r="E72" s="7">
        <f t="shared" ca="1" si="4"/>
        <v>1954</v>
      </c>
      <c r="F72" s="7"/>
      <c r="G72" s="10"/>
      <c r="H72" s="10"/>
      <c r="I72" s="10"/>
      <c r="J72" s="10"/>
      <c r="K72" s="10"/>
      <c r="L72" s="10"/>
    </row>
    <row r="73" spans="3:12">
      <c r="C73" s="10"/>
      <c r="D73" s="10"/>
      <c r="E73" s="7">
        <f t="shared" ca="1" si="4"/>
        <v>1953</v>
      </c>
      <c r="F73" s="7"/>
      <c r="G73" s="10"/>
      <c r="H73" s="10"/>
      <c r="I73" s="10"/>
      <c r="J73" s="10"/>
      <c r="K73" s="10"/>
      <c r="L73" s="10"/>
    </row>
    <row r="74" spans="3:12">
      <c r="C74" s="10"/>
      <c r="D74" s="10"/>
      <c r="E74" s="7">
        <f t="shared" ca="1" si="4"/>
        <v>1952</v>
      </c>
      <c r="F74" s="7"/>
      <c r="G74" s="10"/>
      <c r="H74" s="10"/>
      <c r="I74" s="10"/>
      <c r="J74" s="10"/>
      <c r="K74" s="10"/>
      <c r="L74" s="10"/>
    </row>
    <row r="75" spans="3:12">
      <c r="C75" s="10"/>
      <c r="D75" s="10"/>
      <c r="E75" s="7">
        <f t="shared" ca="1" si="4"/>
        <v>1951</v>
      </c>
      <c r="F75" s="7"/>
      <c r="G75" s="10"/>
      <c r="H75" s="10"/>
      <c r="I75" s="10"/>
      <c r="J75" s="10"/>
      <c r="K75" s="10"/>
      <c r="L75" s="10"/>
    </row>
    <row r="76" spans="3:12">
      <c r="C76" s="10"/>
      <c r="D76" s="10"/>
      <c r="E76" s="7">
        <f t="shared" ca="1" si="4"/>
        <v>1950</v>
      </c>
      <c r="F76" s="7"/>
      <c r="G76" s="10"/>
      <c r="H76" s="10"/>
      <c r="I76" s="10"/>
      <c r="J76" s="10"/>
      <c r="K76" s="10"/>
      <c r="L76" s="10"/>
    </row>
    <row r="77" spans="3:12">
      <c r="C77" s="10"/>
      <c r="D77" s="10"/>
      <c r="E77" s="7">
        <f t="shared" ca="1" si="4"/>
        <v>1949</v>
      </c>
      <c r="F77" s="7"/>
      <c r="G77" s="10"/>
      <c r="H77" s="10"/>
      <c r="I77" s="10"/>
      <c r="J77" s="10"/>
      <c r="K77" s="10"/>
      <c r="L77" s="10"/>
    </row>
    <row r="78" spans="3:12">
      <c r="C78" s="10"/>
      <c r="D78" s="10"/>
      <c r="E78" s="7">
        <f t="shared" ca="1" si="4"/>
        <v>1948</v>
      </c>
      <c r="F78" s="7"/>
      <c r="G78" s="10"/>
      <c r="H78" s="10"/>
      <c r="I78" s="10"/>
      <c r="J78" s="10"/>
      <c r="K78" s="10"/>
      <c r="L78" s="10"/>
    </row>
    <row r="79" spans="3:12">
      <c r="C79" s="10"/>
      <c r="D79" s="10"/>
      <c r="E79" s="7">
        <f t="shared" ca="1" si="4"/>
        <v>1947</v>
      </c>
      <c r="F79" s="7"/>
      <c r="G79" s="10"/>
      <c r="H79" s="10"/>
      <c r="I79" s="10"/>
      <c r="J79" s="10"/>
      <c r="K79" s="10"/>
      <c r="L79" s="10"/>
    </row>
    <row r="80" spans="3:12">
      <c r="C80" s="10"/>
      <c r="D80" s="10"/>
      <c r="E80" s="7">
        <f t="shared" ca="1" si="4"/>
        <v>1946</v>
      </c>
      <c r="F80" s="7"/>
      <c r="G80" s="10"/>
      <c r="H80" s="10"/>
      <c r="I80" s="10"/>
      <c r="J80" s="10"/>
      <c r="K80" s="10"/>
      <c r="L80" s="10"/>
    </row>
    <row r="81" spans="3:12">
      <c r="C81" s="10"/>
      <c r="D81" s="10"/>
      <c r="E81" s="7">
        <f t="shared" ca="1" si="4"/>
        <v>1945</v>
      </c>
      <c r="F81" s="7"/>
      <c r="G81" s="10"/>
      <c r="H81" s="10"/>
      <c r="I81" s="10"/>
      <c r="J81" s="10"/>
      <c r="K81" s="10"/>
      <c r="L81" s="10"/>
    </row>
    <row r="82" spans="3:12">
      <c r="C82" s="10"/>
      <c r="D82" s="10"/>
      <c r="E82" s="7">
        <f t="shared" ca="1" si="4"/>
        <v>1944</v>
      </c>
      <c r="F82" s="7"/>
      <c r="G82" s="10"/>
      <c r="H82" s="10"/>
      <c r="I82" s="10"/>
      <c r="J82" s="10"/>
      <c r="K82" s="10"/>
      <c r="L82" s="10"/>
    </row>
    <row r="83" spans="3:12">
      <c r="C83" s="10"/>
      <c r="D83" s="10"/>
      <c r="E83" s="7">
        <f t="shared" ca="1" si="4"/>
        <v>1943</v>
      </c>
      <c r="F83" s="7"/>
      <c r="G83" s="10"/>
      <c r="H83" s="10"/>
      <c r="I83" s="10"/>
      <c r="J83" s="10"/>
      <c r="K83" s="10"/>
      <c r="L83" s="10"/>
    </row>
    <row r="84" spans="3:12">
      <c r="C84" s="10"/>
      <c r="D84" s="10"/>
      <c r="E84" s="7">
        <f t="shared" ca="1" si="4"/>
        <v>1942</v>
      </c>
      <c r="F84" s="7"/>
      <c r="G84" s="10"/>
      <c r="H84" s="10"/>
      <c r="I84" s="10"/>
      <c r="J84" s="10"/>
      <c r="K84" s="10"/>
      <c r="L84" s="10"/>
    </row>
    <row r="85" spans="3:12">
      <c r="C85" s="10"/>
      <c r="D85" s="10"/>
      <c r="E85" s="7">
        <f t="shared" ca="1" si="4"/>
        <v>1941</v>
      </c>
      <c r="F85" s="7"/>
      <c r="G85" s="10"/>
      <c r="H85" s="10"/>
      <c r="I85" s="10"/>
      <c r="J85" s="10"/>
      <c r="K85" s="10"/>
      <c r="L85" s="10"/>
    </row>
    <row r="86" spans="3:12">
      <c r="C86" s="10"/>
      <c r="D86" s="10"/>
      <c r="E86" s="7">
        <f t="shared" ca="1" si="4"/>
        <v>1940</v>
      </c>
      <c r="F86" s="7"/>
      <c r="G86" s="10"/>
      <c r="H86" s="10"/>
      <c r="I86" s="10"/>
      <c r="J86" s="10"/>
      <c r="K86" s="10"/>
      <c r="L86" s="10"/>
    </row>
    <row r="87" spans="3:12">
      <c r="C87" s="10"/>
      <c r="D87" s="10"/>
      <c r="E87" s="7">
        <f t="shared" ca="1" si="4"/>
        <v>1939</v>
      </c>
      <c r="F87" s="7"/>
      <c r="G87" s="10"/>
      <c r="H87" s="10"/>
      <c r="I87" s="10"/>
      <c r="J87" s="10"/>
      <c r="K87" s="10"/>
      <c r="L87" s="10"/>
    </row>
    <row r="88" spans="3:12">
      <c r="C88" s="10"/>
      <c r="D88" s="10"/>
      <c r="E88" s="7">
        <f t="shared" ca="1" si="4"/>
        <v>1938</v>
      </c>
      <c r="F88" s="7"/>
      <c r="G88" s="10"/>
      <c r="H88" s="10"/>
      <c r="I88" s="10"/>
      <c r="J88" s="10"/>
      <c r="K88" s="10"/>
      <c r="L88" s="10"/>
    </row>
    <row r="89" spans="3:12">
      <c r="C89" s="10"/>
      <c r="D89" s="10"/>
      <c r="E89" s="7">
        <f t="shared" ca="1" si="4"/>
        <v>1937</v>
      </c>
      <c r="F89" s="7"/>
      <c r="G89" s="10"/>
      <c r="H89" s="10"/>
      <c r="I89" s="10"/>
      <c r="J89" s="10"/>
      <c r="K89" s="10"/>
      <c r="L89" s="10"/>
    </row>
    <row r="90" spans="3:12">
      <c r="C90" s="10"/>
      <c r="D90" s="10"/>
      <c r="E90" s="7">
        <f t="shared" ca="1" si="4"/>
        <v>1936</v>
      </c>
      <c r="F90" s="7"/>
      <c r="G90" s="10"/>
      <c r="H90" s="10"/>
      <c r="I90" s="10"/>
      <c r="J90" s="10"/>
      <c r="K90" s="10"/>
      <c r="L90" s="10"/>
    </row>
    <row r="91" spans="3:12">
      <c r="C91" s="10"/>
      <c r="D91" s="10"/>
      <c r="E91" s="7">
        <f t="shared" ca="1" si="4"/>
        <v>1935</v>
      </c>
      <c r="F91" s="7"/>
      <c r="G91" s="10"/>
      <c r="H91" s="10"/>
      <c r="I91" s="10"/>
      <c r="J91" s="10"/>
      <c r="K91" s="10"/>
      <c r="L91" s="10"/>
    </row>
    <row r="92" spans="3:12">
      <c r="C92" s="10"/>
      <c r="D92" s="10"/>
      <c r="E92" s="7">
        <f t="shared" ca="1" si="4"/>
        <v>1934</v>
      </c>
      <c r="F92" s="7"/>
      <c r="G92" s="10"/>
      <c r="H92" s="10"/>
      <c r="I92" s="10"/>
      <c r="J92" s="10"/>
      <c r="K92" s="10"/>
      <c r="L92" s="10"/>
    </row>
    <row r="93" spans="3:12">
      <c r="C93" s="10"/>
      <c r="D93" s="10"/>
      <c r="E93" s="7">
        <f t="shared" ca="1" si="4"/>
        <v>1933</v>
      </c>
      <c r="F93" s="7"/>
      <c r="G93" s="10"/>
      <c r="H93" s="10"/>
      <c r="I93" s="10"/>
      <c r="J93" s="10"/>
      <c r="K93" s="10"/>
      <c r="L93" s="10"/>
    </row>
    <row r="94" spans="3:12">
      <c r="C94" s="10"/>
      <c r="D94" s="10"/>
      <c r="E94" s="7">
        <f t="shared" ca="1" si="4"/>
        <v>1932</v>
      </c>
      <c r="F94" s="7"/>
      <c r="G94" s="10"/>
      <c r="H94" s="10"/>
      <c r="I94" s="10"/>
      <c r="J94" s="10"/>
      <c r="K94" s="10"/>
      <c r="L94" s="10"/>
    </row>
    <row r="95" spans="3:12">
      <c r="C95" s="10"/>
      <c r="D95" s="10"/>
      <c r="E95" s="7">
        <f t="shared" ca="1" si="4"/>
        <v>1931</v>
      </c>
      <c r="F95" s="7"/>
      <c r="G95" s="10"/>
      <c r="H95" s="10"/>
      <c r="I95" s="10"/>
      <c r="J95" s="10"/>
      <c r="K95" s="10"/>
      <c r="L95" s="10"/>
    </row>
    <row r="96" spans="3:12">
      <c r="C96" s="10"/>
      <c r="D96" s="10"/>
      <c r="E96" s="7">
        <f t="shared" ca="1" si="4"/>
        <v>1930</v>
      </c>
      <c r="F96" s="7"/>
      <c r="G96" s="10"/>
      <c r="H96" s="10"/>
      <c r="I96" s="10"/>
      <c r="J96" s="10"/>
      <c r="K96" s="10"/>
      <c r="L96" s="10"/>
    </row>
    <row r="97" spans="3:12">
      <c r="C97" s="10"/>
      <c r="D97" s="10"/>
      <c r="E97" s="7">
        <f t="shared" ca="1" si="4"/>
        <v>1929</v>
      </c>
      <c r="F97" s="7"/>
      <c r="G97" s="10"/>
      <c r="H97" s="10"/>
      <c r="I97" s="10"/>
      <c r="J97" s="10"/>
      <c r="K97" s="10"/>
      <c r="L97" s="10"/>
    </row>
    <row r="98" spans="3:12">
      <c r="C98" s="10"/>
      <c r="D98" s="10"/>
      <c r="E98" s="7">
        <f t="shared" ca="1" si="4"/>
        <v>1928</v>
      </c>
      <c r="F98" s="7"/>
      <c r="G98" s="10"/>
      <c r="H98" s="10"/>
      <c r="I98" s="10"/>
      <c r="J98" s="10"/>
      <c r="K98" s="10"/>
      <c r="L98" s="10"/>
    </row>
    <row r="99" spans="3:12">
      <c r="C99" s="10"/>
      <c r="D99" s="10"/>
      <c r="E99" s="7">
        <f t="shared" ca="1" si="4"/>
        <v>1927</v>
      </c>
      <c r="F99" s="7"/>
      <c r="G99" s="10"/>
      <c r="H99" s="10"/>
      <c r="I99" s="10"/>
      <c r="J99" s="10"/>
      <c r="K99" s="10"/>
      <c r="L99" s="10"/>
    </row>
    <row r="100" spans="3:12">
      <c r="C100" s="10"/>
      <c r="D100" s="10"/>
      <c r="E100" s="7">
        <f t="shared" ca="1" si="4"/>
        <v>1926</v>
      </c>
      <c r="F100" s="7"/>
      <c r="G100" s="10"/>
      <c r="H100" s="10"/>
      <c r="I100" s="10"/>
      <c r="J100" s="10"/>
      <c r="K100" s="10"/>
      <c r="L100" s="10"/>
    </row>
    <row r="101" spans="3:12">
      <c r="C101" s="10"/>
      <c r="D101" s="10"/>
      <c r="E101" s="7">
        <f t="shared" ca="1" si="4"/>
        <v>1925</v>
      </c>
      <c r="F101" s="7"/>
      <c r="G101" s="10"/>
      <c r="H101" s="10"/>
      <c r="I101" s="10"/>
      <c r="J101" s="10"/>
      <c r="K101" s="10"/>
      <c r="L101" s="10"/>
    </row>
    <row r="102" spans="3:12">
      <c r="C102" s="10"/>
      <c r="D102" s="10"/>
      <c r="E102" s="7">
        <f t="shared" ca="1" si="4"/>
        <v>1924</v>
      </c>
      <c r="F102" s="7"/>
      <c r="G102" s="10"/>
      <c r="H102" s="10"/>
      <c r="I102" s="10"/>
      <c r="J102" s="10"/>
      <c r="K102" s="10"/>
      <c r="L102" s="10"/>
    </row>
    <row r="103" spans="3:12">
      <c r="E103" s="7">
        <f t="shared" ca="1" si="4"/>
        <v>1923</v>
      </c>
      <c r="F103" s="11"/>
    </row>
    <row r="104" spans="3:12">
      <c r="E104" s="7">
        <f t="shared" ca="1" si="4"/>
        <v>1922</v>
      </c>
      <c r="F104" s="11"/>
    </row>
    <row r="105" spans="3:12">
      <c r="E105" s="7">
        <f t="shared" ca="1" si="4"/>
        <v>1921</v>
      </c>
      <c r="F105" s="11"/>
    </row>
    <row r="106" spans="3:12">
      <c r="E106" s="7">
        <f t="shared" ca="1" si="4"/>
        <v>1920</v>
      </c>
      <c r="F106" s="11"/>
    </row>
    <row r="107" spans="3:12">
      <c r="E107" s="7">
        <f t="shared" ca="1" si="4"/>
        <v>1919</v>
      </c>
      <c r="F107" s="11"/>
    </row>
    <row r="108" spans="3:12">
      <c r="E108" s="7">
        <f t="shared" ca="1" si="4"/>
        <v>1918</v>
      </c>
      <c r="F108" s="11"/>
    </row>
    <row r="109" spans="3:12">
      <c r="E109" s="2"/>
      <c r="F109" s="2"/>
    </row>
    <row r="110" spans="3:12">
      <c r="E110" s="2"/>
      <c r="F110" s="2"/>
    </row>
    <row r="111" spans="3:12">
      <c r="E111" s="2"/>
      <c r="F111" s="2"/>
    </row>
    <row r="112" spans="3:12">
      <c r="E112" s="2"/>
      <c r="F112" s="2"/>
    </row>
    <row r="113" spans="5:6">
      <c r="E113" s="2"/>
      <c r="F113" s="2"/>
    </row>
    <row r="114" spans="5:6">
      <c r="E114" s="2"/>
      <c r="F114" s="2"/>
    </row>
    <row r="115" spans="5:6">
      <c r="E115" s="2"/>
      <c r="F115" s="2"/>
    </row>
    <row r="116" spans="5:6">
      <c r="E116" s="2"/>
      <c r="F116" s="2"/>
    </row>
    <row r="117" spans="5:6">
      <c r="E117" s="2"/>
      <c r="F117" s="2"/>
    </row>
    <row r="118" spans="5:6">
      <c r="E118" s="2"/>
      <c r="F118" s="2"/>
    </row>
    <row r="119" spans="5:6">
      <c r="E119" s="2"/>
      <c r="F119" s="2"/>
    </row>
    <row r="120" spans="5:6">
      <c r="E120" s="2"/>
      <c r="F120" s="2"/>
    </row>
    <row r="121" spans="5:6">
      <c r="E121" s="2"/>
      <c r="F121" s="2"/>
    </row>
    <row r="122" spans="5:6">
      <c r="E122" s="2"/>
      <c r="F122" s="2"/>
    </row>
    <row r="123" spans="5:6">
      <c r="E123" s="2"/>
      <c r="F123" s="2"/>
    </row>
  </sheetData>
  <sheetProtection sheet="1" objects="1" scenarios="1" selectLockedCells="1"/>
  <phoneticPr fontId="2"/>
  <pageMargins left="0.7" right="0.7" top="0.75" bottom="0.75" header="0.3" footer="0.3"/>
  <pageSetup paperSize="9" scale="45"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ドキュメント" ma:contentTypeID="0x0101000F8C927C2C942143BF66A0F7B8E7B738" ma:contentTypeVersion="17" ma:contentTypeDescription="新しいドキュメントを作成します。" ma:contentTypeScope="" ma:versionID="d1315176bc17851e72396b526db121db">
  <xsd:schema xmlns:xsd="http://www.w3.org/2001/XMLSchema" xmlns:xs="http://www.w3.org/2001/XMLSchema" xmlns:p="http://schemas.microsoft.com/office/2006/metadata/properties" xmlns:ns1="http://schemas.microsoft.com/sharepoint/v3" xmlns:ns2="67034a55-bd2a-4d79-8923-d11493a69c90" xmlns:ns3="9646094d-707f-4b0c-8fdd-2a2e16053a60" targetNamespace="http://schemas.microsoft.com/office/2006/metadata/properties" ma:root="true" ma:fieldsID="f09d2383fdb53577d5d05295dc1e3f74" ns1:_="" ns2:_="" ns3:_="">
    <xsd:import namespace="http://schemas.microsoft.com/sharepoint/v3"/>
    <xsd:import namespace="67034a55-bd2a-4d79-8923-d11493a69c90"/>
    <xsd:import namespace="9646094d-707f-4b0c-8fdd-2a2e16053a60"/>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1:_ip_UnifiedCompliancePolicyProperties" minOccurs="0"/>
                <xsd:element ref="ns1:_ip_UnifiedCompliancePolicyUIAction" minOccurs="0"/>
                <xsd:element ref="ns2:MediaServiceAutoTags" minOccurs="0"/>
                <xsd:element ref="ns2:MediaServiceOCR" minOccurs="0"/>
                <xsd:element ref="ns2:MediaServiceGenerationTime" minOccurs="0"/>
                <xsd:element ref="ns2:MediaServiceEventHashCode" minOccurs="0"/>
                <xsd:element ref="ns2:lcf76f155ced4ddcb4097134ff3c332f" minOccurs="0"/>
                <xsd:element ref="ns3:TaxCatchAll" minOccurs="0"/>
                <xsd:element ref="ns2:MediaServiceDateTaken" minOccurs="0"/>
                <xsd:element ref="ns2:MediaLengthInSeconds"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12" nillable="true" ma:displayName="統合コンプライアンス ポリシーのプロパティ" ma:hidden="true" ma:internalName="_ip_UnifiedCompliancePolicyProperties">
      <xsd:simpleType>
        <xsd:restriction base="dms:Note"/>
      </xsd:simpleType>
    </xsd:element>
    <xsd:element name="_ip_UnifiedCompliancePolicyUIAction" ma:index="13" nillable="true" ma:displayName="統合コンプライアンス ポリシーの UI アクション"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67034a55-bd2a-4d79-8923-d11493a69c90"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4" nillable="true" ma:displayName="Tags" ma:internalName="MediaServiceAutoTags"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lcf76f155ced4ddcb4097134ff3c332f" ma:index="19" nillable="true" ma:taxonomy="true" ma:internalName="lcf76f155ced4ddcb4097134ff3c332f" ma:taxonomyFieldName="MediaServiceImageTags" ma:displayName="画像タグ" ma:readOnly="false" ma:fieldId="{5cf76f15-5ced-4ddc-b409-7134ff3c332f}" ma:taxonomyMulti="true" ma:sspId="1e1c6816-2a4f-4461-93c7-8dd281d6228d" ma:termSetId="09814cd3-568e-fe90-9814-8d621ff8fb84" ma:anchorId="fba54fb3-c3e1-fe81-a776-ca4b69148c4d" ma:open="true" ma:isKeyword="false">
      <xsd:complexType>
        <xsd:sequence>
          <xsd:element ref="pc:Terms" minOccurs="0" maxOccurs="1"/>
        </xsd:sequence>
      </xsd:complexType>
    </xsd:element>
    <xsd:element name="MediaServiceDateTaken" ma:index="21" nillable="true" ma:displayName="MediaServiceDateTaken" ma:hidden="true" ma:internalName="MediaServiceDateTaken" ma:readOnly="true">
      <xsd:simpleType>
        <xsd:restriction base="dms:Text"/>
      </xsd:simpleType>
    </xsd:element>
    <xsd:element name="MediaLengthInSeconds" ma:index="22" nillable="true" ma:displayName="MediaLengthInSeconds" ma:hidden="true" ma:internalName="MediaLengthInSeconds" ma:readOnly="true">
      <xsd:simpleType>
        <xsd:restriction base="dms:Unknown"/>
      </xsd:simpleType>
    </xsd:element>
    <xsd:element name="_Flow_SignoffStatus" ma:index="23" nillable="true" ma:displayName="承認の状態" ma:internalName="_x627f__x8a8d__x306e__x72b6__x614b_">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646094d-707f-4b0c-8fdd-2a2e16053a60" elementFormDefault="qualified">
    <xsd:import namespace="http://schemas.microsoft.com/office/2006/documentManagement/types"/>
    <xsd:import namespace="http://schemas.microsoft.com/office/infopath/2007/PartnerControls"/>
    <xsd:element name="SharedWithUsers" ma:index="10"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共有相手の詳細情報" ma:internalName="SharedWithDetails" ma:readOnly="true">
      <xsd:simpleType>
        <xsd:restriction base="dms:Note">
          <xsd:maxLength value="255"/>
        </xsd:restriction>
      </xsd:simpleType>
    </xsd:element>
    <xsd:element name="TaxCatchAll" ma:index="20" nillable="true" ma:displayName="Taxonomy Catch All Column" ma:hidden="true" ma:list="{824790f0-035d-49c5-af14-7f5a99a74f2b}" ma:internalName="TaxCatchAll" ma:showField="CatchAllData" ma:web="9646094d-707f-4b0c-8fdd-2a2e16053a60">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TaxCatchAll xmlns="9646094d-707f-4b0c-8fdd-2a2e16053a60" xsi:nil="true"/>
    <lcf76f155ced4ddcb4097134ff3c332f xmlns="67034a55-bd2a-4d79-8923-d11493a69c90">
      <Terms xmlns="http://schemas.microsoft.com/office/infopath/2007/PartnerControls"/>
    </lcf76f155ced4ddcb4097134ff3c332f>
    <SharedWithUsers xmlns="9646094d-707f-4b0c-8fdd-2a2e16053a60">
      <UserInfo>
        <DisplayName/>
        <AccountId xsi:nil="true"/>
        <AccountType/>
      </UserInfo>
    </SharedWithUsers>
    <MediaLengthInSeconds xmlns="67034a55-bd2a-4d79-8923-d11493a69c90" xsi:nil="true"/>
    <_ip_UnifiedCompliancePolicyUIAction xmlns="http://schemas.microsoft.com/sharepoint/v3" xsi:nil="true"/>
    <_ip_UnifiedCompliancePolicyProperties xmlns="http://schemas.microsoft.com/sharepoint/v3" xsi:nil="true"/>
    <_Flow_SignoffStatus xmlns="67034a55-bd2a-4d79-8923-d11493a69c90" xsi:nil="true"/>
  </documentManagement>
</p:properties>
</file>

<file path=customXml/itemProps1.xml><?xml version="1.0" encoding="utf-8"?>
<ds:datastoreItem xmlns:ds="http://schemas.openxmlformats.org/officeDocument/2006/customXml" ds:itemID="{AED5D762-8B30-42AB-9A98-B035B42401CC}">
  <ds:schemaRefs>
    <ds:schemaRef ds:uri="http://schemas.microsoft.com/sharepoint/v3/contenttype/forms"/>
  </ds:schemaRefs>
</ds:datastoreItem>
</file>

<file path=customXml/itemProps2.xml><?xml version="1.0" encoding="utf-8"?>
<ds:datastoreItem xmlns:ds="http://schemas.openxmlformats.org/officeDocument/2006/customXml" ds:itemID="{589AA151-9E58-49EB-9FE7-854D12BA140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67034a55-bd2a-4d79-8923-d11493a69c90"/>
    <ds:schemaRef ds:uri="9646094d-707f-4b0c-8fdd-2a2e16053a6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79A5062-3E92-41AD-9159-833629BDFE73}">
  <ds:schemaRefs>
    <ds:schemaRef ds:uri="http://schemas.microsoft.com/office/2006/metadata/properties"/>
    <ds:schemaRef ds:uri="http://schemas.microsoft.com/office/2006/documentManagement/types"/>
    <ds:schemaRef ds:uri="http://schemas.microsoft.com/sharepoint/v3"/>
    <ds:schemaRef ds:uri="67034a55-bd2a-4d79-8923-d11493a69c90"/>
    <ds:schemaRef ds:uri="http://purl.org/dc/elements/1.1/"/>
    <ds:schemaRef ds:uri="http://purl.org/dc/terms/"/>
    <ds:schemaRef ds:uri="http://purl.org/dc/dcmitype/"/>
    <ds:schemaRef ds:uri="http://schemas.microsoft.com/office/infopath/2007/PartnerControls"/>
    <ds:schemaRef ds:uri="http://schemas.openxmlformats.org/package/2006/metadata/core-properties"/>
    <ds:schemaRef ds:uri="9646094d-707f-4b0c-8fdd-2a2e16053a60"/>
    <ds:schemaRef ds:uri="http://www.w3.org/XML/1998/namespace"/>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3</vt:i4>
      </vt:variant>
    </vt:vector>
  </HeadingPairs>
  <TitlesOfParts>
    <vt:vector size="7" baseType="lpstr">
      <vt:lpstr>就労証明書</vt:lpstr>
      <vt:lpstr>記入例</vt:lpstr>
      <vt:lpstr>記載要領</vt:lpstr>
      <vt:lpstr>プルダウンリスト</vt:lpstr>
      <vt:lpstr>プルダウンリスト!Print_Area</vt:lpstr>
      <vt:lpstr>記入例!Print_Area</vt:lpstr>
      <vt:lpstr>就労証明書!Print_Area</vt:lpstr>
    </vt:vector>
  </TitlesOfParts>
  <Manager/>
  <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川井 菜摘(KAWAI Natsumi)</dc:creator>
  <cp:keywords/>
  <dc:description/>
  <cp:lastModifiedBy>篁　和真</cp:lastModifiedBy>
  <cp:revision/>
  <cp:lastPrinted>2023-10-18T00:53:02Z</cp:lastPrinted>
  <dcterms:created xsi:type="dcterms:W3CDTF">2010-08-24T08:00:05Z</dcterms:created>
  <dcterms:modified xsi:type="dcterms:W3CDTF">2024-04-24T05:27:39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92E636157645C4A9CF10AD80E8FC906</vt:lpwstr>
  </property>
  <property fmtid="{D5CDD505-2E9C-101B-9397-08002B2CF9AE}" pid="3" name="Order">
    <vt:r8>10498200</vt:r8>
  </property>
  <property fmtid="{D5CDD505-2E9C-101B-9397-08002B2CF9AE}" pid="4" name="MediaServiceImageTags">
    <vt:lpwstr/>
  </property>
  <property fmtid="{D5CDD505-2E9C-101B-9397-08002B2CF9AE}" pid="5" name="xd_Signature">
    <vt:bool>false</vt:bool>
  </property>
  <property fmtid="{D5CDD505-2E9C-101B-9397-08002B2CF9AE}" pid="6" name="xd_ProgID">
    <vt:lpwstr/>
  </property>
  <property fmtid="{D5CDD505-2E9C-101B-9397-08002B2CF9AE}" pid="7" name="ComplianceAssetId">
    <vt:lpwstr/>
  </property>
  <property fmtid="{D5CDD505-2E9C-101B-9397-08002B2CF9AE}" pid="8" name="TemplateUrl">
    <vt:lpwstr/>
  </property>
  <property fmtid="{D5CDD505-2E9C-101B-9397-08002B2CF9AE}" pid="9" name="_ExtendedDescription">
    <vt:lpwstr/>
  </property>
  <property fmtid="{D5CDD505-2E9C-101B-9397-08002B2CF9AE}" pid="10" name="TriggerFlowInfo">
    <vt:lpwstr/>
  </property>
</Properties>
</file>